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931"/>
  <workbookPr/>
  <mc:AlternateContent xmlns:mc="http://schemas.openxmlformats.org/markup-compatibility/2006">
    <mc:Choice Requires="x15">
      <x15ac:absPath xmlns:x15ac="http://schemas.microsoft.com/office/spreadsheetml/2010/11/ac" url="C:\Users\s981653\Desktop\レンタ\"/>
    </mc:Choice>
  </mc:AlternateContent>
  <xr:revisionPtr revIDLastSave="0" documentId="13_ncr:1_{1DE5690A-4656-4AA1-B7B4-E5BD28422712}" xr6:coauthVersionLast="47" xr6:coauthVersionMax="47" xr10:uidLastSave="{00000000-0000-0000-0000-000000000000}"/>
  <bookViews>
    <workbookView xWindow="-3480" yWindow="-16320" windowWidth="29040" windowHeight="15840" xr2:uid="{00000000-000D-0000-FFFF-FFFF00000000}"/>
  </bookViews>
  <sheets>
    <sheet name="Sheet1" sheetId="1" r:id="rId1"/>
  </sheets>
  <definedNames>
    <definedName name="_xlnm.Print_Area" localSheetId="0">Sheet1!$A$1:$M$3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" uniqueCount="15">
  <si>
    <t>表面</t>
    <rPh sb="0" eb="1">
      <t>オモテ</t>
    </rPh>
    <rPh sb="1" eb="2">
      <t>メン</t>
    </rPh>
    <phoneticPr fontId="3"/>
  </si>
  <si>
    <t>裏面</t>
    <rPh sb="0" eb="2">
      <t>ウラメン</t>
    </rPh>
    <phoneticPr fontId="3"/>
  </si>
  <si>
    <t>××株式会社</t>
    <rPh sb="2" eb="4">
      <t>カブシキ</t>
    </rPh>
    <rPh sb="4" eb="6">
      <t>カイシャ</t>
    </rPh>
    <phoneticPr fontId="3"/>
  </si>
  <si>
    <t>【入札書、委任状の記載方法及び入札書封筒について】</t>
    <rPh sb="1" eb="3">
      <t>ニュウサツ</t>
    </rPh>
    <rPh sb="3" eb="4">
      <t>ショ</t>
    </rPh>
    <rPh sb="5" eb="8">
      <t>イニンジョウ</t>
    </rPh>
    <rPh sb="9" eb="11">
      <t>キサイ</t>
    </rPh>
    <rPh sb="11" eb="13">
      <t>ホウホウ</t>
    </rPh>
    <rPh sb="13" eb="14">
      <t>オヨ</t>
    </rPh>
    <rPh sb="15" eb="17">
      <t>ニュウサツ</t>
    </rPh>
    <rPh sb="17" eb="18">
      <t>ショ</t>
    </rPh>
    <rPh sb="18" eb="20">
      <t>フウトウ</t>
    </rPh>
    <phoneticPr fontId="3"/>
  </si>
  <si>
    <t>＜入札書、委任状の記載方法＞</t>
    <rPh sb="1" eb="3">
      <t>ニュウサツ</t>
    </rPh>
    <rPh sb="3" eb="4">
      <t>ショ</t>
    </rPh>
    <rPh sb="5" eb="8">
      <t>イニンジョウ</t>
    </rPh>
    <rPh sb="9" eb="11">
      <t>キサイ</t>
    </rPh>
    <rPh sb="11" eb="13">
      <t>ホウホウ</t>
    </rPh>
    <phoneticPr fontId="1"/>
  </si>
  <si>
    <t>＜入札書封筒について＞</t>
    <rPh sb="1" eb="3">
      <t>ニュウサツ</t>
    </rPh>
    <rPh sb="3" eb="4">
      <t>ショ</t>
    </rPh>
    <rPh sb="4" eb="6">
      <t>フウトウ</t>
    </rPh>
    <phoneticPr fontId="1"/>
  </si>
  <si>
    <t>　■　入札書の日付について</t>
    <rPh sb="3" eb="5">
      <t>ニュウサツ</t>
    </rPh>
    <rPh sb="5" eb="6">
      <t>ショ</t>
    </rPh>
    <rPh sb="7" eb="9">
      <t>ヒヅケ</t>
    </rPh>
    <phoneticPr fontId="3"/>
  </si>
  <si>
    <t>　■　委任状の日付について</t>
    <rPh sb="3" eb="6">
      <t>イニンジョウ</t>
    </rPh>
    <rPh sb="7" eb="9">
      <t>ヒヅケ</t>
    </rPh>
    <phoneticPr fontId="3"/>
  </si>
  <si>
    <t>　■　開札への立ち会いについて</t>
    <rPh sb="3" eb="5">
      <t>カイサツ</t>
    </rPh>
    <rPh sb="7" eb="8">
      <t>タ</t>
    </rPh>
    <rPh sb="9" eb="10">
      <t>ア</t>
    </rPh>
    <phoneticPr fontId="3"/>
  </si>
  <si>
    <r>
      <t>　委任状の日付は、</t>
    </r>
    <r>
      <rPr>
        <b/>
        <u val="double"/>
        <sz val="12"/>
        <color theme="1"/>
        <rFont val="ＭＳ 明朝"/>
        <family val="1"/>
        <charset val="128"/>
      </rPr>
      <t>委任状を作成した日</t>
    </r>
    <r>
      <rPr>
        <sz val="12"/>
        <color theme="1"/>
        <rFont val="ＭＳ 明朝"/>
        <family val="1"/>
        <charset val="128"/>
      </rPr>
      <t>を記載してください。委任状の作成がない限り、代理人が入札書を記載することはできませんので、委任状の日付は、入札書作成日またはそれ以前の日となります。</t>
    </r>
    <rPh sb="1" eb="4">
      <t>イニンジョウ</t>
    </rPh>
    <rPh sb="5" eb="7">
      <t>ヒヅケ</t>
    </rPh>
    <rPh sb="9" eb="12">
      <t>イニンジョウ</t>
    </rPh>
    <rPh sb="13" eb="15">
      <t>サクセイ</t>
    </rPh>
    <rPh sb="17" eb="18">
      <t>ヒ</t>
    </rPh>
    <rPh sb="19" eb="21">
      <t>キサイ</t>
    </rPh>
    <rPh sb="28" eb="31">
      <t>イニンジョウ</t>
    </rPh>
    <rPh sb="32" eb="34">
      <t>サクセイ</t>
    </rPh>
    <rPh sb="37" eb="38">
      <t>カギ</t>
    </rPh>
    <rPh sb="40" eb="43">
      <t>ダイリニン</t>
    </rPh>
    <rPh sb="44" eb="46">
      <t>ニュウサツ</t>
    </rPh>
    <rPh sb="46" eb="47">
      <t>ショ</t>
    </rPh>
    <rPh sb="48" eb="50">
      <t>キサイ</t>
    </rPh>
    <rPh sb="63" eb="66">
      <t>イニンジョウ</t>
    </rPh>
    <rPh sb="67" eb="69">
      <t>ヒヅケ</t>
    </rPh>
    <rPh sb="71" eb="73">
      <t>ニュウサツ</t>
    </rPh>
    <rPh sb="73" eb="74">
      <t>ショ</t>
    </rPh>
    <rPh sb="74" eb="76">
      <t>サクセイ</t>
    </rPh>
    <rPh sb="76" eb="77">
      <t>ニチ</t>
    </rPh>
    <rPh sb="82" eb="84">
      <t>イゼン</t>
    </rPh>
    <rPh sb="85" eb="86">
      <t>ヒ</t>
    </rPh>
    <phoneticPr fontId="3"/>
  </si>
  <si>
    <r>
      <t>入札書の日付は、原則として</t>
    </r>
    <r>
      <rPr>
        <b/>
        <u val="double"/>
        <sz val="12"/>
        <color rgb="FFFF0000"/>
        <rFont val="ＭＳ 明朝"/>
        <family val="1"/>
        <charset val="128"/>
      </rPr>
      <t>入札書を作成した日</t>
    </r>
    <r>
      <rPr>
        <sz val="12"/>
        <color theme="1"/>
        <rFont val="ＭＳ 明朝"/>
        <family val="1"/>
        <charset val="128"/>
      </rPr>
      <t>を記載してください。</t>
    </r>
    <rPh sb="0" eb="2">
      <t>ニュウサツ</t>
    </rPh>
    <rPh sb="2" eb="3">
      <t>ショ</t>
    </rPh>
    <rPh sb="4" eb="6">
      <t>ヒヅケ</t>
    </rPh>
    <rPh sb="8" eb="10">
      <t>ゲンソク</t>
    </rPh>
    <rPh sb="13" eb="15">
      <t>ニュウサツ</t>
    </rPh>
    <rPh sb="15" eb="16">
      <t>ショ</t>
    </rPh>
    <rPh sb="17" eb="19">
      <t>サクセイ</t>
    </rPh>
    <rPh sb="21" eb="22">
      <t>ヒ</t>
    </rPh>
    <rPh sb="23" eb="25">
      <t>キサイ</t>
    </rPh>
    <phoneticPr fontId="3"/>
  </si>
  <si>
    <t>　本件については、事前に入札書を提出していただきますので、開札への立ち会いは要しません。
（ただし、立ち合いを希望する場合は、入札者（代表者または代理人）のみ立ち合い可）</t>
    <rPh sb="1" eb="3">
      <t>ホンケン</t>
    </rPh>
    <rPh sb="9" eb="11">
      <t>ジゼン</t>
    </rPh>
    <rPh sb="14" eb="16">
      <t>カイサツ</t>
    </rPh>
    <rPh sb="18" eb="19">
      <t>タ</t>
    </rPh>
    <rPh sb="20" eb="21">
      <t>ア</t>
    </rPh>
    <rPh sb="23" eb="24">
      <t>ヨウ</t>
    </rPh>
    <rPh sb="35" eb="36">
      <t>タ</t>
    </rPh>
    <rPh sb="37" eb="38">
      <t>ア</t>
    </rPh>
    <rPh sb="40" eb="42">
      <t>キボウ</t>
    </rPh>
    <rPh sb="44" eb="46">
      <t>バアイ</t>
    </rPh>
    <rPh sb="47" eb="50">
      <t>ニュウサツシャ</t>
    </rPh>
    <rPh sb="51" eb="54">
      <t>ダイヒョウシャ</t>
    </rPh>
    <rPh sb="57" eb="60">
      <t>ダイリニン</t>
    </rPh>
    <rPh sb="64" eb="65">
      <t>タ</t>
    </rPh>
    <rPh sb="66" eb="67">
      <t>ア</t>
    </rPh>
    <rPh sb="68" eb="69">
      <t>カ</t>
    </rPh>
    <phoneticPr fontId="3"/>
  </si>
  <si>
    <r>
      <t>（</t>
    </r>
    <r>
      <rPr>
        <b/>
        <u val="double"/>
        <sz val="12"/>
        <color theme="1"/>
        <rFont val="ＭＳ 明朝"/>
        <family val="1"/>
        <charset val="128"/>
      </rPr>
      <t>入札書提出期限日（令和6年5月16日）またはそれ以前の日</t>
    </r>
    <r>
      <rPr>
        <sz val="12"/>
        <color theme="1"/>
        <rFont val="ＭＳ 明朝"/>
        <family val="1"/>
        <charset val="128"/>
      </rPr>
      <t>となります。）</t>
    </r>
    <rPh sb="1" eb="3">
      <t>ニュウサツ</t>
    </rPh>
    <rPh sb="3" eb="4">
      <t>ショ</t>
    </rPh>
    <rPh sb="4" eb="6">
      <t>テイシュツ</t>
    </rPh>
    <rPh sb="6" eb="8">
      <t>キゲン</t>
    </rPh>
    <rPh sb="8" eb="9">
      <t>ヒ</t>
    </rPh>
    <rPh sb="10" eb="12">
      <t>レイワ</t>
    </rPh>
    <rPh sb="13" eb="14">
      <t>ネン</t>
    </rPh>
    <rPh sb="15" eb="16">
      <t>ガツ</t>
    </rPh>
    <rPh sb="18" eb="19">
      <t>ニチ</t>
    </rPh>
    <rPh sb="25" eb="27">
      <t>イゼン</t>
    </rPh>
    <rPh sb="28" eb="29">
      <t>ヒ</t>
    </rPh>
    <phoneticPr fontId="3"/>
  </si>
  <si>
    <t>　令和6年5月　日　　　　　開札
〔公用自動車借受（リース）〕の入札書在中</t>
    <rPh sb="1" eb="3">
      <t>レイワ</t>
    </rPh>
    <rPh sb="4" eb="5">
      <t>ネン</t>
    </rPh>
    <rPh sb="6" eb="7">
      <t>ツキ</t>
    </rPh>
    <rPh sb="8" eb="9">
      <t>ニチ</t>
    </rPh>
    <rPh sb="14" eb="16">
      <t>カイサツ</t>
    </rPh>
    <rPh sb="18" eb="20">
      <t>コウヨウ</t>
    </rPh>
    <rPh sb="20" eb="23">
      <t>ジドウシャ</t>
    </rPh>
    <rPh sb="23" eb="25">
      <t>カリウケ</t>
    </rPh>
    <rPh sb="32" eb="35">
      <t>ニュウサツショ</t>
    </rPh>
    <rPh sb="35" eb="37">
      <t>ザイチュウ</t>
    </rPh>
    <phoneticPr fontId="3"/>
  </si>
  <si>
    <r>
      <t>※さらに、送付により提出する場合は</t>
    </r>
    <r>
      <rPr>
        <b/>
        <sz val="12"/>
        <rFont val="ＭＳ 明朝"/>
        <family val="1"/>
        <charset val="128"/>
      </rPr>
      <t>二重封筒</t>
    </r>
    <r>
      <rPr>
        <sz val="12"/>
        <rFont val="ＭＳ 明朝"/>
        <family val="1"/>
        <charset val="128"/>
      </rPr>
      <t>とし、外封に「令和6年5月17日10時00分開札〔公用自動車借受（リース）〕の入札書在中」と記載し、送付してください。</t>
    </r>
    <rPh sb="5" eb="7">
      <t>ソウフ</t>
    </rPh>
    <rPh sb="10" eb="12">
      <t>テイシュツ</t>
    </rPh>
    <rPh sb="14" eb="16">
      <t>バアイ</t>
    </rPh>
    <rPh sb="17" eb="19">
      <t>ニジュウ</t>
    </rPh>
    <rPh sb="19" eb="21">
      <t>フウトウ</t>
    </rPh>
    <rPh sb="24" eb="25">
      <t>ソト</t>
    </rPh>
    <rPh sb="25" eb="26">
      <t>フウ</t>
    </rPh>
    <rPh sb="28" eb="30">
      <t>レイワ</t>
    </rPh>
    <rPh sb="31" eb="32">
      <t>ネン</t>
    </rPh>
    <rPh sb="33" eb="34">
      <t>ツキ</t>
    </rPh>
    <rPh sb="36" eb="37">
      <t>ニチ</t>
    </rPh>
    <rPh sb="39" eb="40">
      <t>ジ</t>
    </rPh>
    <rPh sb="42" eb="43">
      <t>ブン</t>
    </rPh>
    <rPh sb="43" eb="45">
      <t>カイサツ</t>
    </rPh>
    <rPh sb="46" eb="48">
      <t>コウヨウ</t>
    </rPh>
    <rPh sb="48" eb="51">
      <t>ジドウシャ</t>
    </rPh>
    <rPh sb="51" eb="53">
      <t>カリウケ</t>
    </rPh>
    <rPh sb="52" eb="53">
      <t>ギョウム</t>
    </rPh>
    <rPh sb="60" eb="63">
      <t>ニュウサツショ</t>
    </rPh>
    <rPh sb="63" eb="65">
      <t>ザイチュウ</t>
    </rPh>
    <rPh sb="67" eb="69">
      <t>キサイ</t>
    </rPh>
    <rPh sb="71" eb="73">
      <t>ソウフ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12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ajor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6"/>
      <color theme="1"/>
      <name val="ＭＳ Ｐゴシック"/>
      <family val="3"/>
      <charset val="128"/>
      <scheme val="major"/>
    </font>
    <font>
      <b/>
      <sz val="14"/>
      <color theme="1"/>
      <name val="ＭＳ Ｐゴシック"/>
      <family val="3"/>
      <charset val="128"/>
      <scheme val="major"/>
    </font>
    <font>
      <b/>
      <u val="double"/>
      <sz val="12"/>
      <color theme="1"/>
      <name val="ＭＳ 明朝"/>
      <family val="1"/>
      <charset val="128"/>
    </font>
    <font>
      <b/>
      <u val="double"/>
      <sz val="12"/>
      <color rgb="FFFF0000"/>
      <name val="ＭＳ 明朝"/>
      <family val="1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b/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 diagonalDown="1">
      <left style="thin">
        <color indexed="64"/>
      </left>
      <right/>
      <top style="thin">
        <color indexed="64"/>
      </top>
      <bottom/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/>
      <diagonal style="thin">
        <color indexed="64"/>
      </diagonal>
    </border>
    <border>
      <left style="thin">
        <color indexed="64"/>
      </left>
      <right/>
      <top/>
      <bottom/>
      <diagonal/>
    </border>
    <border diagonalDown="1">
      <left style="thin">
        <color indexed="64"/>
      </left>
      <right/>
      <top/>
      <bottom/>
      <diagonal style="thin">
        <color indexed="64"/>
      </diagonal>
    </border>
    <border>
      <left/>
      <right/>
      <top/>
      <bottom style="thin">
        <color indexed="64"/>
      </bottom>
      <diagonal/>
    </border>
    <border diagonalUp="1">
      <left/>
      <right style="thin">
        <color indexed="64"/>
      </right>
      <top/>
      <bottom/>
      <diagonal style="thin">
        <color indexed="64"/>
      </diagonal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/>
      <bottom style="thin">
        <color indexed="64"/>
      </bottom>
      <diagonal style="thin">
        <color indexed="64"/>
      </diagonal>
    </border>
    <border>
      <left/>
      <right/>
      <top style="thin">
        <color indexed="64"/>
      </top>
      <bottom style="thin">
        <color indexed="64"/>
      </bottom>
      <diagonal/>
    </border>
    <border diagonalDown="1">
      <left/>
      <right style="thin">
        <color indexed="64"/>
      </right>
      <top/>
      <bottom style="thin">
        <color indexed="64"/>
      </bottom>
      <diagonal style="thin">
        <color indexed="64"/>
      </diagonal>
    </border>
  </borders>
  <cellStyleXfs count="1">
    <xf numFmtId="0" fontId="0" fillId="0" borderId="0">
      <alignment vertical="center"/>
    </xf>
  </cellStyleXfs>
  <cellXfs count="48">
    <xf numFmtId="0" fontId="0" fillId="0" borderId="0" xfId="0">
      <alignment vertical="center"/>
    </xf>
    <xf numFmtId="0" fontId="2" fillId="0" borderId="0" xfId="0" applyFont="1" applyAlignment="1">
      <alignment horizontal="right" vertical="center"/>
    </xf>
    <xf numFmtId="0" fontId="4" fillId="0" borderId="0" xfId="0" applyFont="1" applyAlignment="1">
      <alignment horizontal="right"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4" fillId="0" borderId="0" xfId="0" applyFont="1" applyBorder="1" applyAlignment="1">
      <alignment vertical="center"/>
    </xf>
    <xf numFmtId="0" fontId="7" fillId="0" borderId="0" xfId="0" applyFont="1" applyBorder="1" applyAlignment="1">
      <alignment textRotation="255" indent="3"/>
    </xf>
    <xf numFmtId="0" fontId="7" fillId="0" borderId="0" xfId="0" applyFont="1" applyBorder="1" applyAlignment="1">
      <alignment vertical="top" textRotation="255" wrapText="1"/>
    </xf>
    <xf numFmtId="0" fontId="2" fillId="0" borderId="0" xfId="0" applyFont="1" applyBorder="1" applyAlignment="1">
      <alignment horizontal="right" vertical="center"/>
    </xf>
    <xf numFmtId="0" fontId="7" fillId="0" borderId="0" xfId="0" applyFont="1" applyBorder="1" applyAlignment="1">
      <alignment vertical="top" textRotation="255"/>
    </xf>
    <xf numFmtId="0" fontId="6" fillId="0" borderId="0" xfId="0" applyFont="1" applyAlignment="1">
      <alignment vertical="center"/>
    </xf>
    <xf numFmtId="0" fontId="4" fillId="0" borderId="2" xfId="0" applyFont="1" applyBorder="1" applyAlignment="1">
      <alignment vertical="center"/>
    </xf>
    <xf numFmtId="0" fontId="4" fillId="0" borderId="3" xfId="0" applyFont="1" applyBorder="1" applyAlignment="1">
      <alignment vertical="center"/>
    </xf>
    <xf numFmtId="0" fontId="4" fillId="0" borderId="4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4" fillId="0" borderId="1" xfId="0" applyFont="1" applyBorder="1" applyAlignment="1">
      <alignment vertical="center"/>
    </xf>
    <xf numFmtId="0" fontId="4" fillId="0" borderId="9" xfId="0" applyFont="1" applyBorder="1" applyAlignment="1">
      <alignment vertical="center"/>
    </xf>
    <xf numFmtId="0" fontId="4" fillId="0" borderId="13" xfId="0" applyFont="1" applyBorder="1" applyAlignment="1">
      <alignment vertical="center"/>
    </xf>
    <xf numFmtId="0" fontId="4" fillId="0" borderId="14" xfId="0" applyFont="1" applyBorder="1" applyAlignment="1">
      <alignment vertical="center"/>
    </xf>
    <xf numFmtId="0" fontId="4" fillId="0" borderId="15" xfId="0" applyFont="1" applyBorder="1" applyAlignment="1">
      <alignment vertical="center"/>
    </xf>
    <xf numFmtId="0" fontId="8" fillId="0" borderId="0" xfId="0" applyFont="1" applyAlignment="1">
      <alignment vertical="center"/>
    </xf>
    <xf numFmtId="0" fontId="9" fillId="0" borderId="0" xfId="0" applyFont="1" applyAlignment="1"/>
    <xf numFmtId="0" fontId="6" fillId="0" borderId="0" xfId="0" applyFont="1" applyAlignment="1">
      <alignment vertical="top" wrapText="1"/>
    </xf>
    <xf numFmtId="0" fontId="0" fillId="0" borderId="0" xfId="0" applyFont="1" applyAlignment="1">
      <alignment vertical="center"/>
    </xf>
    <xf numFmtId="0" fontId="0" fillId="0" borderId="0" xfId="0" applyFont="1" applyBorder="1" applyAlignment="1">
      <alignment vertical="center"/>
    </xf>
    <xf numFmtId="0" fontId="0" fillId="0" borderId="0" xfId="0" applyFont="1" applyBorder="1" applyAlignment="1">
      <alignment horizontal="right" vertical="center"/>
    </xf>
    <xf numFmtId="0" fontId="0" fillId="0" borderId="0" xfId="0" applyFont="1" applyAlignment="1">
      <alignment horizontal="right" vertical="center"/>
    </xf>
    <xf numFmtId="0" fontId="7" fillId="0" borderId="0" xfId="0" applyFont="1" applyBorder="1" applyAlignment="1">
      <alignment horizontal="center" textRotation="255" indent="3"/>
    </xf>
    <xf numFmtId="0" fontId="7" fillId="0" borderId="0" xfId="0" applyFont="1" applyAlignment="1">
      <alignment horizontal="left" vertical="center"/>
    </xf>
    <xf numFmtId="0" fontId="7" fillId="0" borderId="0" xfId="0" applyFont="1" applyBorder="1" applyAlignment="1">
      <alignment vertical="center"/>
    </xf>
    <xf numFmtId="0" fontId="4" fillId="0" borderId="0" xfId="0" applyFont="1" applyBorder="1" applyAlignment="1">
      <alignment horizontal="right" vertical="center"/>
    </xf>
    <xf numFmtId="0" fontId="7" fillId="0" borderId="0" xfId="0" applyFont="1" applyAlignment="1">
      <alignment horizontal="left" vertical="center" wrapText="1"/>
    </xf>
    <xf numFmtId="0" fontId="6" fillId="0" borderId="0" xfId="0" applyFont="1" applyBorder="1" applyAlignment="1">
      <alignment horizontal="center" vertical="top" textRotation="255"/>
    </xf>
    <xf numFmtId="0" fontId="7" fillId="0" borderId="0" xfId="0" applyFont="1" applyAlignment="1">
      <alignment horizontal="left" vertical="top" wrapText="1"/>
    </xf>
    <xf numFmtId="0" fontId="7" fillId="0" borderId="0" xfId="0" applyFont="1" applyAlignment="1">
      <alignment horizontal="left" vertical="center" wrapText="1"/>
    </xf>
    <xf numFmtId="0" fontId="7" fillId="0" borderId="7" xfId="0" applyFont="1" applyBorder="1" applyAlignment="1">
      <alignment horizontal="center" textRotation="255" indent="3"/>
    </xf>
    <xf numFmtId="0" fontId="7" fillId="0" borderId="0" xfId="0" applyFont="1" applyBorder="1" applyAlignment="1">
      <alignment horizontal="center" textRotation="255" indent="3"/>
    </xf>
    <xf numFmtId="0" fontId="7" fillId="0" borderId="11" xfId="0" applyFont="1" applyBorder="1" applyAlignment="1">
      <alignment horizontal="center" textRotation="255" indent="3"/>
    </xf>
    <xf numFmtId="0" fontId="7" fillId="0" borderId="9" xfId="0" applyFont="1" applyBorder="1" applyAlignment="1">
      <alignment horizontal="center" textRotation="255" indent="3"/>
    </xf>
    <xf numFmtId="0" fontId="2" fillId="0" borderId="1" xfId="0" applyFont="1" applyBorder="1" applyAlignment="1">
      <alignment horizontal="right" vertical="center"/>
    </xf>
    <xf numFmtId="0" fontId="4" fillId="0" borderId="5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12" fillId="0" borderId="1" xfId="0" applyFont="1" applyBorder="1" applyAlignment="1">
      <alignment horizontal="center" vertical="top" textRotation="255" wrapText="1"/>
    </xf>
    <xf numFmtId="0" fontId="12" fillId="0" borderId="1" xfId="0" applyFont="1" applyBorder="1" applyAlignment="1">
      <alignment horizontal="center" vertical="top" textRotation="255"/>
    </xf>
    <xf numFmtId="0" fontId="12" fillId="0" borderId="12" xfId="0" applyFont="1" applyBorder="1" applyAlignment="1">
      <alignment horizontal="center" vertical="top" textRotation="255"/>
    </xf>
    <xf numFmtId="0" fontId="13" fillId="0" borderId="0" xfId="0" applyFont="1" applyAlignment="1">
      <alignment horizontal="left" vertical="top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628650</xdr:colOff>
      <xdr:row>18</xdr:row>
      <xdr:rowOff>133350</xdr:rowOff>
    </xdr:from>
    <xdr:to>
      <xdr:col>9</xdr:col>
      <xdr:colOff>263525</xdr:colOff>
      <xdr:row>20</xdr:row>
      <xdr:rowOff>234950</xdr:rowOff>
    </xdr:to>
    <xdr:sp macro="" textlink="">
      <xdr:nvSpPr>
        <xdr:cNvPr id="2" name="円/楕円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>
        <a:xfrm>
          <a:off x="4867275" y="5314950"/>
          <a:ext cx="406400" cy="40640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9</xdr:col>
      <xdr:colOff>571500</xdr:colOff>
      <xdr:row>25</xdr:row>
      <xdr:rowOff>47625</xdr:rowOff>
    </xdr:from>
    <xdr:to>
      <xdr:col>11</xdr:col>
      <xdr:colOff>6350</xdr:colOff>
      <xdr:row>26</xdr:row>
      <xdr:rowOff>139700</xdr:rowOff>
    </xdr:to>
    <xdr:sp macro="" textlink="">
      <xdr:nvSpPr>
        <xdr:cNvPr id="3" name="円/楕円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/>
      </xdr:nvSpPr>
      <xdr:spPr>
        <a:xfrm>
          <a:off x="5581650" y="6962775"/>
          <a:ext cx="406400" cy="37782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8</xdr:col>
      <xdr:colOff>638175</xdr:colOff>
      <xdr:row>30</xdr:row>
      <xdr:rowOff>85725</xdr:rowOff>
    </xdr:from>
    <xdr:to>
      <xdr:col>9</xdr:col>
      <xdr:colOff>273050</xdr:colOff>
      <xdr:row>31</xdr:row>
      <xdr:rowOff>177800</xdr:rowOff>
    </xdr:to>
    <xdr:sp macro="" textlink="">
      <xdr:nvSpPr>
        <xdr:cNvPr id="4" name="円/楕円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/>
      </xdr:nvSpPr>
      <xdr:spPr>
        <a:xfrm>
          <a:off x="4876800" y="8429625"/>
          <a:ext cx="406400" cy="37782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8</xdr:col>
      <xdr:colOff>638175</xdr:colOff>
      <xdr:row>19</xdr:row>
      <xdr:rowOff>0</xdr:rowOff>
    </xdr:from>
    <xdr:to>
      <xdr:col>9</xdr:col>
      <xdr:colOff>428625</xdr:colOff>
      <xdr:row>21</xdr:row>
      <xdr:rowOff>15875</xdr:rowOff>
    </xdr:to>
    <xdr:sp macro="" textlink="">
      <xdr:nvSpPr>
        <xdr:cNvPr id="5" name="テキスト ボックス 4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 txBox="1"/>
      </xdr:nvSpPr>
      <xdr:spPr>
        <a:xfrm>
          <a:off x="4876800" y="5334000"/>
          <a:ext cx="561975" cy="45402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800">
              <a:solidFill>
                <a:srgbClr val="FF0000"/>
              </a:solidFill>
            </a:rPr>
            <a:t>印</a:t>
          </a:r>
        </a:p>
      </xdr:txBody>
    </xdr:sp>
    <xdr:clientData/>
  </xdr:twoCellAnchor>
  <xdr:twoCellAnchor>
    <xdr:from>
      <xdr:col>9</xdr:col>
      <xdr:colOff>561975</xdr:colOff>
      <xdr:row>25</xdr:row>
      <xdr:rowOff>66675</xdr:rowOff>
    </xdr:from>
    <xdr:to>
      <xdr:col>11</xdr:col>
      <xdr:colOff>152400</xdr:colOff>
      <xdr:row>26</xdr:row>
      <xdr:rowOff>234950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 txBox="1"/>
      </xdr:nvSpPr>
      <xdr:spPr>
        <a:xfrm>
          <a:off x="5572125" y="6981825"/>
          <a:ext cx="561975" cy="45402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800">
              <a:solidFill>
                <a:srgbClr val="FF0000"/>
              </a:solidFill>
            </a:rPr>
            <a:t>印</a:t>
          </a:r>
        </a:p>
      </xdr:txBody>
    </xdr:sp>
    <xdr:clientData/>
  </xdr:twoCellAnchor>
  <xdr:twoCellAnchor>
    <xdr:from>
      <xdr:col>8</xdr:col>
      <xdr:colOff>657225</xdr:colOff>
      <xdr:row>30</xdr:row>
      <xdr:rowOff>104775</xdr:rowOff>
    </xdr:from>
    <xdr:to>
      <xdr:col>9</xdr:col>
      <xdr:colOff>447675</xdr:colOff>
      <xdr:row>31</xdr:row>
      <xdr:rowOff>273050</xdr:rowOff>
    </xdr:to>
    <xdr:sp macro="" textlink="">
      <xdr:nvSpPr>
        <xdr:cNvPr id="13" name="テキスト ボックス 12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 txBox="1"/>
      </xdr:nvSpPr>
      <xdr:spPr>
        <a:xfrm>
          <a:off x="4895850" y="8448675"/>
          <a:ext cx="561975" cy="45402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800">
              <a:solidFill>
                <a:srgbClr val="FF0000"/>
              </a:solidFill>
            </a:rPr>
            <a:t>印</a:t>
          </a:r>
        </a:p>
      </xdr:txBody>
    </xdr:sp>
    <xdr:clientData/>
  </xdr:twoCellAnchor>
  <xdr:twoCellAnchor>
    <xdr:from>
      <xdr:col>4</xdr:col>
      <xdr:colOff>397809</xdr:colOff>
      <xdr:row>23</xdr:row>
      <xdr:rowOff>190500</xdr:rowOff>
    </xdr:from>
    <xdr:to>
      <xdr:col>5</xdr:col>
      <xdr:colOff>78443</xdr:colOff>
      <xdr:row>24</xdr:row>
      <xdr:rowOff>177613</xdr:rowOff>
    </xdr:to>
    <xdr:sp macro="" textlink="">
      <xdr:nvSpPr>
        <xdr:cNvPr id="12" name="テキスト ボックス 11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 txBox="1"/>
      </xdr:nvSpPr>
      <xdr:spPr>
        <a:xfrm>
          <a:off x="2302809" y="6465794"/>
          <a:ext cx="644340" cy="27846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000">
              <a:latin typeface="ＭＳ 明朝" panose="02020609040205080304" pitchFamily="17" charset="-128"/>
              <a:ea typeface="ＭＳ 明朝" panose="02020609040205080304" pitchFamily="17" charset="-128"/>
            </a:rPr>
            <a:t>17</a:t>
          </a:r>
        </a:p>
        <a:p>
          <a:endParaRPr kumimoji="1" lang="ja-JP" altLang="en-US" sz="1000">
            <a:latin typeface="ＭＳ 明朝" panose="02020609040205080304" pitchFamily="17" charset="-128"/>
            <a:ea typeface="ＭＳ 明朝" panose="02020609040205080304" pitchFamily="17" charset="-128"/>
          </a:endParaRPr>
        </a:p>
      </xdr:txBody>
    </xdr:sp>
    <xdr:clientData/>
  </xdr:twoCellAnchor>
  <xdr:twoCellAnchor>
    <xdr:from>
      <xdr:col>4</xdr:col>
      <xdr:colOff>392207</xdr:colOff>
      <xdr:row>24</xdr:row>
      <xdr:rowOff>248210</xdr:rowOff>
    </xdr:from>
    <xdr:to>
      <xdr:col>4</xdr:col>
      <xdr:colOff>958104</xdr:colOff>
      <xdr:row>28</xdr:row>
      <xdr:rowOff>67234</xdr:rowOff>
    </xdr:to>
    <xdr:sp macro="" textlink="">
      <xdr:nvSpPr>
        <xdr:cNvPr id="9" name="テキスト ボックス 8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 txBox="1"/>
      </xdr:nvSpPr>
      <xdr:spPr>
        <a:xfrm>
          <a:off x="2297207" y="6814857"/>
          <a:ext cx="565897" cy="98443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000">
              <a:latin typeface="ＭＳ 明朝" panose="02020609040205080304" pitchFamily="17" charset="-128"/>
              <a:ea typeface="ＭＳ 明朝" panose="02020609040205080304" pitchFamily="17" charset="-128"/>
            </a:rPr>
            <a:t>10</a:t>
          </a:r>
        </a:p>
        <a:p>
          <a:r>
            <a:rPr kumimoji="1" lang="ja-JP" altLang="en-US" sz="1000">
              <a:latin typeface="ＭＳ 明朝" panose="02020609040205080304" pitchFamily="17" charset="-128"/>
              <a:ea typeface="ＭＳ 明朝" panose="02020609040205080304" pitchFamily="17" charset="-128"/>
            </a:rPr>
            <a:t>時</a:t>
          </a:r>
          <a:endParaRPr kumimoji="1" lang="en-US" altLang="ja-JP" sz="1000">
            <a:latin typeface="ＭＳ 明朝" panose="02020609040205080304" pitchFamily="17" charset="-128"/>
            <a:ea typeface="ＭＳ 明朝" panose="02020609040205080304" pitchFamily="17" charset="-128"/>
          </a:endParaRPr>
        </a:p>
        <a:p>
          <a:r>
            <a:rPr kumimoji="1" lang="en-US" altLang="ja-JP" sz="1000">
              <a:latin typeface="ＭＳ 明朝" panose="02020609040205080304" pitchFamily="17" charset="-128"/>
              <a:ea typeface="ＭＳ 明朝" panose="02020609040205080304" pitchFamily="17" charset="-128"/>
            </a:rPr>
            <a:t>00</a:t>
          </a:r>
        </a:p>
        <a:p>
          <a:r>
            <a:rPr kumimoji="1" lang="ja-JP" altLang="en-US" sz="1000">
              <a:latin typeface="ＭＳ 明朝" panose="02020609040205080304" pitchFamily="17" charset="-128"/>
              <a:ea typeface="ＭＳ 明朝" panose="02020609040205080304" pitchFamily="17" charset="-128"/>
            </a:rPr>
            <a:t>分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T39"/>
  <sheetViews>
    <sheetView tabSelected="1" view="pageBreakPreview" topLeftCell="A13" zoomScale="85" zoomScaleNormal="100" zoomScaleSheetLayoutView="85" workbookViewId="0">
      <selection activeCell="B35" sqref="B35:M35"/>
    </sheetView>
  </sheetViews>
  <sheetFormatPr defaultRowHeight="17.25" x14ac:dyDescent="0.15"/>
  <cols>
    <col min="1" max="1" width="3.125" style="23" customWidth="1"/>
    <col min="2" max="2" width="8.625" style="26" customWidth="1"/>
    <col min="3" max="4" width="6.625" style="23" customWidth="1"/>
    <col min="5" max="5" width="12.625" style="23" customWidth="1"/>
    <col min="6" max="6" width="8.125" style="23" customWidth="1"/>
    <col min="7" max="7" width="8.625" style="1" customWidth="1"/>
    <col min="8" max="8" width="2.125" style="23" customWidth="1"/>
    <col min="9" max="10" width="10.125" style="23" customWidth="1"/>
    <col min="11" max="11" width="2.625" style="23" customWidth="1"/>
    <col min="12" max="12" width="2.125" style="23" customWidth="1"/>
    <col min="13" max="13" width="8.125" style="23" customWidth="1"/>
    <col min="14" max="14" width="0.875" style="23" customWidth="1"/>
    <col min="15" max="240" width="9" style="23"/>
    <col min="241" max="241" width="2.75" style="23" customWidth="1"/>
    <col min="242" max="242" width="8.625" style="23" customWidth="1"/>
    <col min="243" max="244" width="6.625" style="23" customWidth="1"/>
    <col min="245" max="245" width="12.625" style="23" customWidth="1"/>
    <col min="246" max="246" width="7.625" style="23" customWidth="1"/>
    <col min="247" max="247" width="8.625" style="23" customWidth="1"/>
    <col min="248" max="248" width="2.125" style="23" customWidth="1"/>
    <col min="249" max="250" width="10.125" style="23" customWidth="1"/>
    <col min="251" max="251" width="2.625" style="23" customWidth="1"/>
    <col min="252" max="252" width="2.125" style="23" customWidth="1"/>
    <col min="253" max="253" width="6" style="23" customWidth="1"/>
    <col min="254" max="254" width="3.625" style="23" customWidth="1"/>
    <col min="255" max="255" width="0.875" style="23" customWidth="1"/>
    <col min="256" max="256" width="2.75" style="23" customWidth="1"/>
    <col min="257" max="257" width="8.625" style="23" customWidth="1"/>
    <col min="258" max="259" width="6.625" style="23" customWidth="1"/>
    <col min="260" max="260" width="12.625" style="23" customWidth="1"/>
    <col min="261" max="261" width="7.625" style="23" customWidth="1"/>
    <col min="262" max="262" width="8.625" style="23" customWidth="1"/>
    <col min="263" max="263" width="2.125" style="23" customWidth="1"/>
    <col min="264" max="265" width="10.125" style="23" customWidth="1"/>
    <col min="266" max="266" width="2.625" style="23" customWidth="1"/>
    <col min="267" max="267" width="2.125" style="23" customWidth="1"/>
    <col min="268" max="268" width="6" style="23" customWidth="1"/>
    <col min="269" max="269" width="3.625" style="23" customWidth="1"/>
    <col min="270" max="496" width="9" style="23"/>
    <col min="497" max="497" width="2.75" style="23" customWidth="1"/>
    <col min="498" max="498" width="8.625" style="23" customWidth="1"/>
    <col min="499" max="500" width="6.625" style="23" customWidth="1"/>
    <col min="501" max="501" width="12.625" style="23" customWidth="1"/>
    <col min="502" max="502" width="7.625" style="23" customWidth="1"/>
    <col min="503" max="503" width="8.625" style="23" customWidth="1"/>
    <col min="504" max="504" width="2.125" style="23" customWidth="1"/>
    <col min="505" max="506" width="10.125" style="23" customWidth="1"/>
    <col min="507" max="507" width="2.625" style="23" customWidth="1"/>
    <col min="508" max="508" width="2.125" style="23" customWidth="1"/>
    <col min="509" max="509" width="6" style="23" customWidth="1"/>
    <col min="510" max="510" width="3.625" style="23" customWidth="1"/>
    <col min="511" max="511" width="0.875" style="23" customWidth="1"/>
    <col min="512" max="512" width="2.75" style="23" customWidth="1"/>
    <col min="513" max="513" width="8.625" style="23" customWidth="1"/>
    <col min="514" max="515" width="6.625" style="23" customWidth="1"/>
    <col min="516" max="516" width="12.625" style="23" customWidth="1"/>
    <col min="517" max="517" width="7.625" style="23" customWidth="1"/>
    <col min="518" max="518" width="8.625" style="23" customWidth="1"/>
    <col min="519" max="519" width="2.125" style="23" customWidth="1"/>
    <col min="520" max="521" width="10.125" style="23" customWidth="1"/>
    <col min="522" max="522" width="2.625" style="23" customWidth="1"/>
    <col min="523" max="523" width="2.125" style="23" customWidth="1"/>
    <col min="524" max="524" width="6" style="23" customWidth="1"/>
    <col min="525" max="525" width="3.625" style="23" customWidth="1"/>
    <col min="526" max="752" width="9" style="23"/>
    <col min="753" max="753" width="2.75" style="23" customWidth="1"/>
    <col min="754" max="754" width="8.625" style="23" customWidth="1"/>
    <col min="755" max="756" width="6.625" style="23" customWidth="1"/>
    <col min="757" max="757" width="12.625" style="23" customWidth="1"/>
    <col min="758" max="758" width="7.625" style="23" customWidth="1"/>
    <col min="759" max="759" width="8.625" style="23" customWidth="1"/>
    <col min="760" max="760" width="2.125" style="23" customWidth="1"/>
    <col min="761" max="762" width="10.125" style="23" customWidth="1"/>
    <col min="763" max="763" width="2.625" style="23" customWidth="1"/>
    <col min="764" max="764" width="2.125" style="23" customWidth="1"/>
    <col min="765" max="765" width="6" style="23" customWidth="1"/>
    <col min="766" max="766" width="3.625" style="23" customWidth="1"/>
    <col min="767" max="767" width="0.875" style="23" customWidth="1"/>
    <col min="768" max="768" width="2.75" style="23" customWidth="1"/>
    <col min="769" max="769" width="8.625" style="23" customWidth="1"/>
    <col min="770" max="771" width="6.625" style="23" customWidth="1"/>
    <col min="772" max="772" width="12.625" style="23" customWidth="1"/>
    <col min="773" max="773" width="7.625" style="23" customWidth="1"/>
    <col min="774" max="774" width="8.625" style="23" customWidth="1"/>
    <col min="775" max="775" width="2.125" style="23" customWidth="1"/>
    <col min="776" max="777" width="10.125" style="23" customWidth="1"/>
    <col min="778" max="778" width="2.625" style="23" customWidth="1"/>
    <col min="779" max="779" width="2.125" style="23" customWidth="1"/>
    <col min="780" max="780" width="6" style="23" customWidth="1"/>
    <col min="781" max="781" width="3.625" style="23" customWidth="1"/>
    <col min="782" max="1008" width="9" style="23"/>
    <col min="1009" max="1009" width="2.75" style="23" customWidth="1"/>
    <col min="1010" max="1010" width="8.625" style="23" customWidth="1"/>
    <col min="1011" max="1012" width="6.625" style="23" customWidth="1"/>
    <col min="1013" max="1013" width="12.625" style="23" customWidth="1"/>
    <col min="1014" max="1014" width="7.625" style="23" customWidth="1"/>
    <col min="1015" max="1015" width="8.625" style="23" customWidth="1"/>
    <col min="1016" max="1016" width="2.125" style="23" customWidth="1"/>
    <col min="1017" max="1018" width="10.125" style="23" customWidth="1"/>
    <col min="1019" max="1019" width="2.625" style="23" customWidth="1"/>
    <col min="1020" max="1020" width="2.125" style="23" customWidth="1"/>
    <col min="1021" max="1021" width="6" style="23" customWidth="1"/>
    <col min="1022" max="1022" width="3.625" style="23" customWidth="1"/>
    <col min="1023" max="1023" width="0.875" style="23" customWidth="1"/>
    <col min="1024" max="1024" width="2.75" style="23" customWidth="1"/>
    <col min="1025" max="1025" width="8.625" style="23" customWidth="1"/>
    <col min="1026" max="1027" width="6.625" style="23" customWidth="1"/>
    <col min="1028" max="1028" width="12.625" style="23" customWidth="1"/>
    <col min="1029" max="1029" width="7.625" style="23" customWidth="1"/>
    <col min="1030" max="1030" width="8.625" style="23" customWidth="1"/>
    <col min="1031" max="1031" width="2.125" style="23" customWidth="1"/>
    <col min="1032" max="1033" width="10.125" style="23" customWidth="1"/>
    <col min="1034" max="1034" width="2.625" style="23" customWidth="1"/>
    <col min="1035" max="1035" width="2.125" style="23" customWidth="1"/>
    <col min="1036" max="1036" width="6" style="23" customWidth="1"/>
    <col min="1037" max="1037" width="3.625" style="23" customWidth="1"/>
    <col min="1038" max="1264" width="9" style="23"/>
    <col min="1265" max="1265" width="2.75" style="23" customWidth="1"/>
    <col min="1266" max="1266" width="8.625" style="23" customWidth="1"/>
    <col min="1267" max="1268" width="6.625" style="23" customWidth="1"/>
    <col min="1269" max="1269" width="12.625" style="23" customWidth="1"/>
    <col min="1270" max="1270" width="7.625" style="23" customWidth="1"/>
    <col min="1271" max="1271" width="8.625" style="23" customWidth="1"/>
    <col min="1272" max="1272" width="2.125" style="23" customWidth="1"/>
    <col min="1273" max="1274" width="10.125" style="23" customWidth="1"/>
    <col min="1275" max="1275" width="2.625" style="23" customWidth="1"/>
    <col min="1276" max="1276" width="2.125" style="23" customWidth="1"/>
    <col min="1277" max="1277" width="6" style="23" customWidth="1"/>
    <col min="1278" max="1278" width="3.625" style="23" customWidth="1"/>
    <col min="1279" max="1279" width="0.875" style="23" customWidth="1"/>
    <col min="1280" max="1280" width="2.75" style="23" customWidth="1"/>
    <col min="1281" max="1281" width="8.625" style="23" customWidth="1"/>
    <col min="1282" max="1283" width="6.625" style="23" customWidth="1"/>
    <col min="1284" max="1284" width="12.625" style="23" customWidth="1"/>
    <col min="1285" max="1285" width="7.625" style="23" customWidth="1"/>
    <col min="1286" max="1286" width="8.625" style="23" customWidth="1"/>
    <col min="1287" max="1287" width="2.125" style="23" customWidth="1"/>
    <col min="1288" max="1289" width="10.125" style="23" customWidth="1"/>
    <col min="1290" max="1290" width="2.625" style="23" customWidth="1"/>
    <col min="1291" max="1291" width="2.125" style="23" customWidth="1"/>
    <col min="1292" max="1292" width="6" style="23" customWidth="1"/>
    <col min="1293" max="1293" width="3.625" style="23" customWidth="1"/>
    <col min="1294" max="1520" width="9" style="23"/>
    <col min="1521" max="1521" width="2.75" style="23" customWidth="1"/>
    <col min="1522" max="1522" width="8.625" style="23" customWidth="1"/>
    <col min="1523" max="1524" width="6.625" style="23" customWidth="1"/>
    <col min="1525" max="1525" width="12.625" style="23" customWidth="1"/>
    <col min="1526" max="1526" width="7.625" style="23" customWidth="1"/>
    <col min="1527" max="1527" width="8.625" style="23" customWidth="1"/>
    <col min="1528" max="1528" width="2.125" style="23" customWidth="1"/>
    <col min="1529" max="1530" width="10.125" style="23" customWidth="1"/>
    <col min="1531" max="1531" width="2.625" style="23" customWidth="1"/>
    <col min="1532" max="1532" width="2.125" style="23" customWidth="1"/>
    <col min="1533" max="1533" width="6" style="23" customWidth="1"/>
    <col min="1534" max="1534" width="3.625" style="23" customWidth="1"/>
    <col min="1535" max="1535" width="0.875" style="23" customWidth="1"/>
    <col min="1536" max="1536" width="2.75" style="23" customWidth="1"/>
    <col min="1537" max="1537" width="8.625" style="23" customWidth="1"/>
    <col min="1538" max="1539" width="6.625" style="23" customWidth="1"/>
    <col min="1540" max="1540" width="12.625" style="23" customWidth="1"/>
    <col min="1541" max="1541" width="7.625" style="23" customWidth="1"/>
    <col min="1542" max="1542" width="8.625" style="23" customWidth="1"/>
    <col min="1543" max="1543" width="2.125" style="23" customWidth="1"/>
    <col min="1544" max="1545" width="10.125" style="23" customWidth="1"/>
    <col min="1546" max="1546" width="2.625" style="23" customWidth="1"/>
    <col min="1547" max="1547" width="2.125" style="23" customWidth="1"/>
    <col min="1548" max="1548" width="6" style="23" customWidth="1"/>
    <col min="1549" max="1549" width="3.625" style="23" customWidth="1"/>
    <col min="1550" max="1776" width="9" style="23"/>
    <col min="1777" max="1777" width="2.75" style="23" customWidth="1"/>
    <col min="1778" max="1778" width="8.625" style="23" customWidth="1"/>
    <col min="1779" max="1780" width="6.625" style="23" customWidth="1"/>
    <col min="1781" max="1781" width="12.625" style="23" customWidth="1"/>
    <col min="1782" max="1782" width="7.625" style="23" customWidth="1"/>
    <col min="1783" max="1783" width="8.625" style="23" customWidth="1"/>
    <col min="1784" max="1784" width="2.125" style="23" customWidth="1"/>
    <col min="1785" max="1786" width="10.125" style="23" customWidth="1"/>
    <col min="1787" max="1787" width="2.625" style="23" customWidth="1"/>
    <col min="1788" max="1788" width="2.125" style="23" customWidth="1"/>
    <col min="1789" max="1789" width="6" style="23" customWidth="1"/>
    <col min="1790" max="1790" width="3.625" style="23" customWidth="1"/>
    <col min="1791" max="1791" width="0.875" style="23" customWidth="1"/>
    <col min="1792" max="1792" width="2.75" style="23" customWidth="1"/>
    <col min="1793" max="1793" width="8.625" style="23" customWidth="1"/>
    <col min="1794" max="1795" width="6.625" style="23" customWidth="1"/>
    <col min="1796" max="1796" width="12.625" style="23" customWidth="1"/>
    <col min="1797" max="1797" width="7.625" style="23" customWidth="1"/>
    <col min="1798" max="1798" width="8.625" style="23" customWidth="1"/>
    <col min="1799" max="1799" width="2.125" style="23" customWidth="1"/>
    <col min="1800" max="1801" width="10.125" style="23" customWidth="1"/>
    <col min="1802" max="1802" width="2.625" style="23" customWidth="1"/>
    <col min="1803" max="1803" width="2.125" style="23" customWidth="1"/>
    <col min="1804" max="1804" width="6" style="23" customWidth="1"/>
    <col min="1805" max="1805" width="3.625" style="23" customWidth="1"/>
    <col min="1806" max="2032" width="9" style="23"/>
    <col min="2033" max="2033" width="2.75" style="23" customWidth="1"/>
    <col min="2034" max="2034" width="8.625" style="23" customWidth="1"/>
    <col min="2035" max="2036" width="6.625" style="23" customWidth="1"/>
    <col min="2037" max="2037" width="12.625" style="23" customWidth="1"/>
    <col min="2038" max="2038" width="7.625" style="23" customWidth="1"/>
    <col min="2039" max="2039" width="8.625" style="23" customWidth="1"/>
    <col min="2040" max="2040" width="2.125" style="23" customWidth="1"/>
    <col min="2041" max="2042" width="10.125" style="23" customWidth="1"/>
    <col min="2043" max="2043" width="2.625" style="23" customWidth="1"/>
    <col min="2044" max="2044" width="2.125" style="23" customWidth="1"/>
    <col min="2045" max="2045" width="6" style="23" customWidth="1"/>
    <col min="2046" max="2046" width="3.625" style="23" customWidth="1"/>
    <col min="2047" max="2047" width="0.875" style="23" customWidth="1"/>
    <col min="2048" max="2048" width="2.75" style="23" customWidth="1"/>
    <col min="2049" max="2049" width="8.625" style="23" customWidth="1"/>
    <col min="2050" max="2051" width="6.625" style="23" customWidth="1"/>
    <col min="2052" max="2052" width="12.625" style="23" customWidth="1"/>
    <col min="2053" max="2053" width="7.625" style="23" customWidth="1"/>
    <col min="2054" max="2054" width="8.625" style="23" customWidth="1"/>
    <col min="2055" max="2055" width="2.125" style="23" customWidth="1"/>
    <col min="2056" max="2057" width="10.125" style="23" customWidth="1"/>
    <col min="2058" max="2058" width="2.625" style="23" customWidth="1"/>
    <col min="2059" max="2059" width="2.125" style="23" customWidth="1"/>
    <col min="2060" max="2060" width="6" style="23" customWidth="1"/>
    <col min="2061" max="2061" width="3.625" style="23" customWidth="1"/>
    <col min="2062" max="2288" width="9" style="23"/>
    <col min="2289" max="2289" width="2.75" style="23" customWidth="1"/>
    <col min="2290" max="2290" width="8.625" style="23" customWidth="1"/>
    <col min="2291" max="2292" width="6.625" style="23" customWidth="1"/>
    <col min="2293" max="2293" width="12.625" style="23" customWidth="1"/>
    <col min="2294" max="2294" width="7.625" style="23" customWidth="1"/>
    <col min="2295" max="2295" width="8.625" style="23" customWidth="1"/>
    <col min="2296" max="2296" width="2.125" style="23" customWidth="1"/>
    <col min="2297" max="2298" width="10.125" style="23" customWidth="1"/>
    <col min="2299" max="2299" width="2.625" style="23" customWidth="1"/>
    <col min="2300" max="2300" width="2.125" style="23" customWidth="1"/>
    <col min="2301" max="2301" width="6" style="23" customWidth="1"/>
    <col min="2302" max="2302" width="3.625" style="23" customWidth="1"/>
    <col min="2303" max="2303" width="0.875" style="23" customWidth="1"/>
    <col min="2304" max="2304" width="2.75" style="23" customWidth="1"/>
    <col min="2305" max="2305" width="8.625" style="23" customWidth="1"/>
    <col min="2306" max="2307" width="6.625" style="23" customWidth="1"/>
    <col min="2308" max="2308" width="12.625" style="23" customWidth="1"/>
    <col min="2309" max="2309" width="7.625" style="23" customWidth="1"/>
    <col min="2310" max="2310" width="8.625" style="23" customWidth="1"/>
    <col min="2311" max="2311" width="2.125" style="23" customWidth="1"/>
    <col min="2312" max="2313" width="10.125" style="23" customWidth="1"/>
    <col min="2314" max="2314" width="2.625" style="23" customWidth="1"/>
    <col min="2315" max="2315" width="2.125" style="23" customWidth="1"/>
    <col min="2316" max="2316" width="6" style="23" customWidth="1"/>
    <col min="2317" max="2317" width="3.625" style="23" customWidth="1"/>
    <col min="2318" max="2544" width="9" style="23"/>
    <col min="2545" max="2545" width="2.75" style="23" customWidth="1"/>
    <col min="2546" max="2546" width="8.625" style="23" customWidth="1"/>
    <col min="2547" max="2548" width="6.625" style="23" customWidth="1"/>
    <col min="2549" max="2549" width="12.625" style="23" customWidth="1"/>
    <col min="2550" max="2550" width="7.625" style="23" customWidth="1"/>
    <col min="2551" max="2551" width="8.625" style="23" customWidth="1"/>
    <col min="2552" max="2552" width="2.125" style="23" customWidth="1"/>
    <col min="2553" max="2554" width="10.125" style="23" customWidth="1"/>
    <col min="2555" max="2555" width="2.625" style="23" customWidth="1"/>
    <col min="2556" max="2556" width="2.125" style="23" customWidth="1"/>
    <col min="2557" max="2557" width="6" style="23" customWidth="1"/>
    <col min="2558" max="2558" width="3.625" style="23" customWidth="1"/>
    <col min="2559" max="2559" width="0.875" style="23" customWidth="1"/>
    <col min="2560" max="2560" width="2.75" style="23" customWidth="1"/>
    <col min="2561" max="2561" width="8.625" style="23" customWidth="1"/>
    <col min="2562" max="2563" width="6.625" style="23" customWidth="1"/>
    <col min="2564" max="2564" width="12.625" style="23" customWidth="1"/>
    <col min="2565" max="2565" width="7.625" style="23" customWidth="1"/>
    <col min="2566" max="2566" width="8.625" style="23" customWidth="1"/>
    <col min="2567" max="2567" width="2.125" style="23" customWidth="1"/>
    <col min="2568" max="2569" width="10.125" style="23" customWidth="1"/>
    <col min="2570" max="2570" width="2.625" style="23" customWidth="1"/>
    <col min="2571" max="2571" width="2.125" style="23" customWidth="1"/>
    <col min="2572" max="2572" width="6" style="23" customWidth="1"/>
    <col min="2573" max="2573" width="3.625" style="23" customWidth="1"/>
    <col min="2574" max="2800" width="9" style="23"/>
    <col min="2801" max="2801" width="2.75" style="23" customWidth="1"/>
    <col min="2802" max="2802" width="8.625" style="23" customWidth="1"/>
    <col min="2803" max="2804" width="6.625" style="23" customWidth="1"/>
    <col min="2805" max="2805" width="12.625" style="23" customWidth="1"/>
    <col min="2806" max="2806" width="7.625" style="23" customWidth="1"/>
    <col min="2807" max="2807" width="8.625" style="23" customWidth="1"/>
    <col min="2808" max="2808" width="2.125" style="23" customWidth="1"/>
    <col min="2809" max="2810" width="10.125" style="23" customWidth="1"/>
    <col min="2811" max="2811" width="2.625" style="23" customWidth="1"/>
    <col min="2812" max="2812" width="2.125" style="23" customWidth="1"/>
    <col min="2813" max="2813" width="6" style="23" customWidth="1"/>
    <col min="2814" max="2814" width="3.625" style="23" customWidth="1"/>
    <col min="2815" max="2815" width="0.875" style="23" customWidth="1"/>
    <col min="2816" max="2816" width="2.75" style="23" customWidth="1"/>
    <col min="2817" max="2817" width="8.625" style="23" customWidth="1"/>
    <col min="2818" max="2819" width="6.625" style="23" customWidth="1"/>
    <col min="2820" max="2820" width="12.625" style="23" customWidth="1"/>
    <col min="2821" max="2821" width="7.625" style="23" customWidth="1"/>
    <col min="2822" max="2822" width="8.625" style="23" customWidth="1"/>
    <col min="2823" max="2823" width="2.125" style="23" customWidth="1"/>
    <col min="2824" max="2825" width="10.125" style="23" customWidth="1"/>
    <col min="2826" max="2826" width="2.625" style="23" customWidth="1"/>
    <col min="2827" max="2827" width="2.125" style="23" customWidth="1"/>
    <col min="2828" max="2828" width="6" style="23" customWidth="1"/>
    <col min="2829" max="2829" width="3.625" style="23" customWidth="1"/>
    <col min="2830" max="3056" width="9" style="23"/>
    <col min="3057" max="3057" width="2.75" style="23" customWidth="1"/>
    <col min="3058" max="3058" width="8.625" style="23" customWidth="1"/>
    <col min="3059" max="3060" width="6.625" style="23" customWidth="1"/>
    <col min="3061" max="3061" width="12.625" style="23" customWidth="1"/>
    <col min="3062" max="3062" width="7.625" style="23" customWidth="1"/>
    <col min="3063" max="3063" width="8.625" style="23" customWidth="1"/>
    <col min="3064" max="3064" width="2.125" style="23" customWidth="1"/>
    <col min="3065" max="3066" width="10.125" style="23" customWidth="1"/>
    <col min="3067" max="3067" width="2.625" style="23" customWidth="1"/>
    <col min="3068" max="3068" width="2.125" style="23" customWidth="1"/>
    <col min="3069" max="3069" width="6" style="23" customWidth="1"/>
    <col min="3070" max="3070" width="3.625" style="23" customWidth="1"/>
    <col min="3071" max="3071" width="0.875" style="23" customWidth="1"/>
    <col min="3072" max="3072" width="2.75" style="23" customWidth="1"/>
    <col min="3073" max="3073" width="8.625" style="23" customWidth="1"/>
    <col min="3074" max="3075" width="6.625" style="23" customWidth="1"/>
    <col min="3076" max="3076" width="12.625" style="23" customWidth="1"/>
    <col min="3077" max="3077" width="7.625" style="23" customWidth="1"/>
    <col min="3078" max="3078" width="8.625" style="23" customWidth="1"/>
    <col min="3079" max="3079" width="2.125" style="23" customWidth="1"/>
    <col min="3080" max="3081" width="10.125" style="23" customWidth="1"/>
    <col min="3082" max="3082" width="2.625" style="23" customWidth="1"/>
    <col min="3083" max="3083" width="2.125" style="23" customWidth="1"/>
    <col min="3084" max="3084" width="6" style="23" customWidth="1"/>
    <col min="3085" max="3085" width="3.625" style="23" customWidth="1"/>
    <col min="3086" max="3312" width="9" style="23"/>
    <col min="3313" max="3313" width="2.75" style="23" customWidth="1"/>
    <col min="3314" max="3314" width="8.625" style="23" customWidth="1"/>
    <col min="3315" max="3316" width="6.625" style="23" customWidth="1"/>
    <col min="3317" max="3317" width="12.625" style="23" customWidth="1"/>
    <col min="3318" max="3318" width="7.625" style="23" customWidth="1"/>
    <col min="3319" max="3319" width="8.625" style="23" customWidth="1"/>
    <col min="3320" max="3320" width="2.125" style="23" customWidth="1"/>
    <col min="3321" max="3322" width="10.125" style="23" customWidth="1"/>
    <col min="3323" max="3323" width="2.625" style="23" customWidth="1"/>
    <col min="3324" max="3324" width="2.125" style="23" customWidth="1"/>
    <col min="3325" max="3325" width="6" style="23" customWidth="1"/>
    <col min="3326" max="3326" width="3.625" style="23" customWidth="1"/>
    <col min="3327" max="3327" width="0.875" style="23" customWidth="1"/>
    <col min="3328" max="3328" width="2.75" style="23" customWidth="1"/>
    <col min="3329" max="3329" width="8.625" style="23" customWidth="1"/>
    <col min="3330" max="3331" width="6.625" style="23" customWidth="1"/>
    <col min="3332" max="3332" width="12.625" style="23" customWidth="1"/>
    <col min="3333" max="3333" width="7.625" style="23" customWidth="1"/>
    <col min="3334" max="3334" width="8.625" style="23" customWidth="1"/>
    <col min="3335" max="3335" width="2.125" style="23" customWidth="1"/>
    <col min="3336" max="3337" width="10.125" style="23" customWidth="1"/>
    <col min="3338" max="3338" width="2.625" style="23" customWidth="1"/>
    <col min="3339" max="3339" width="2.125" style="23" customWidth="1"/>
    <col min="3340" max="3340" width="6" style="23" customWidth="1"/>
    <col min="3341" max="3341" width="3.625" style="23" customWidth="1"/>
    <col min="3342" max="3568" width="9" style="23"/>
    <col min="3569" max="3569" width="2.75" style="23" customWidth="1"/>
    <col min="3570" max="3570" width="8.625" style="23" customWidth="1"/>
    <col min="3571" max="3572" width="6.625" style="23" customWidth="1"/>
    <col min="3573" max="3573" width="12.625" style="23" customWidth="1"/>
    <col min="3574" max="3574" width="7.625" style="23" customWidth="1"/>
    <col min="3575" max="3575" width="8.625" style="23" customWidth="1"/>
    <col min="3576" max="3576" width="2.125" style="23" customWidth="1"/>
    <col min="3577" max="3578" width="10.125" style="23" customWidth="1"/>
    <col min="3579" max="3579" width="2.625" style="23" customWidth="1"/>
    <col min="3580" max="3580" width="2.125" style="23" customWidth="1"/>
    <col min="3581" max="3581" width="6" style="23" customWidth="1"/>
    <col min="3582" max="3582" width="3.625" style="23" customWidth="1"/>
    <col min="3583" max="3583" width="0.875" style="23" customWidth="1"/>
    <col min="3584" max="3584" width="2.75" style="23" customWidth="1"/>
    <col min="3585" max="3585" width="8.625" style="23" customWidth="1"/>
    <col min="3586" max="3587" width="6.625" style="23" customWidth="1"/>
    <col min="3588" max="3588" width="12.625" style="23" customWidth="1"/>
    <col min="3589" max="3589" width="7.625" style="23" customWidth="1"/>
    <col min="3590" max="3590" width="8.625" style="23" customWidth="1"/>
    <col min="3591" max="3591" width="2.125" style="23" customWidth="1"/>
    <col min="3592" max="3593" width="10.125" style="23" customWidth="1"/>
    <col min="3594" max="3594" width="2.625" style="23" customWidth="1"/>
    <col min="3595" max="3595" width="2.125" style="23" customWidth="1"/>
    <col min="3596" max="3596" width="6" style="23" customWidth="1"/>
    <col min="3597" max="3597" width="3.625" style="23" customWidth="1"/>
    <col min="3598" max="3824" width="9" style="23"/>
    <col min="3825" max="3825" width="2.75" style="23" customWidth="1"/>
    <col min="3826" max="3826" width="8.625" style="23" customWidth="1"/>
    <col min="3827" max="3828" width="6.625" style="23" customWidth="1"/>
    <col min="3829" max="3829" width="12.625" style="23" customWidth="1"/>
    <col min="3830" max="3830" width="7.625" style="23" customWidth="1"/>
    <col min="3831" max="3831" width="8.625" style="23" customWidth="1"/>
    <col min="3832" max="3832" width="2.125" style="23" customWidth="1"/>
    <col min="3833" max="3834" width="10.125" style="23" customWidth="1"/>
    <col min="3835" max="3835" width="2.625" style="23" customWidth="1"/>
    <col min="3836" max="3836" width="2.125" style="23" customWidth="1"/>
    <col min="3837" max="3837" width="6" style="23" customWidth="1"/>
    <col min="3838" max="3838" width="3.625" style="23" customWidth="1"/>
    <col min="3839" max="3839" width="0.875" style="23" customWidth="1"/>
    <col min="3840" max="3840" width="2.75" style="23" customWidth="1"/>
    <col min="3841" max="3841" width="8.625" style="23" customWidth="1"/>
    <col min="3842" max="3843" width="6.625" style="23" customWidth="1"/>
    <col min="3844" max="3844" width="12.625" style="23" customWidth="1"/>
    <col min="3845" max="3845" width="7.625" style="23" customWidth="1"/>
    <col min="3846" max="3846" width="8.625" style="23" customWidth="1"/>
    <col min="3847" max="3847" width="2.125" style="23" customWidth="1"/>
    <col min="3848" max="3849" width="10.125" style="23" customWidth="1"/>
    <col min="3850" max="3850" width="2.625" style="23" customWidth="1"/>
    <col min="3851" max="3851" width="2.125" style="23" customWidth="1"/>
    <col min="3852" max="3852" width="6" style="23" customWidth="1"/>
    <col min="3853" max="3853" width="3.625" style="23" customWidth="1"/>
    <col min="3854" max="4080" width="9" style="23"/>
    <col min="4081" max="4081" width="2.75" style="23" customWidth="1"/>
    <col min="4082" max="4082" width="8.625" style="23" customWidth="1"/>
    <col min="4083" max="4084" width="6.625" style="23" customWidth="1"/>
    <col min="4085" max="4085" width="12.625" style="23" customWidth="1"/>
    <col min="4086" max="4086" width="7.625" style="23" customWidth="1"/>
    <col min="4087" max="4087" width="8.625" style="23" customWidth="1"/>
    <col min="4088" max="4088" width="2.125" style="23" customWidth="1"/>
    <col min="4089" max="4090" width="10.125" style="23" customWidth="1"/>
    <col min="4091" max="4091" width="2.625" style="23" customWidth="1"/>
    <col min="4092" max="4092" width="2.125" style="23" customWidth="1"/>
    <col min="4093" max="4093" width="6" style="23" customWidth="1"/>
    <col min="4094" max="4094" width="3.625" style="23" customWidth="1"/>
    <col min="4095" max="4095" width="0.875" style="23" customWidth="1"/>
    <col min="4096" max="4096" width="2.75" style="23" customWidth="1"/>
    <col min="4097" max="4097" width="8.625" style="23" customWidth="1"/>
    <col min="4098" max="4099" width="6.625" style="23" customWidth="1"/>
    <col min="4100" max="4100" width="12.625" style="23" customWidth="1"/>
    <col min="4101" max="4101" width="7.625" style="23" customWidth="1"/>
    <col min="4102" max="4102" width="8.625" style="23" customWidth="1"/>
    <col min="4103" max="4103" width="2.125" style="23" customWidth="1"/>
    <col min="4104" max="4105" width="10.125" style="23" customWidth="1"/>
    <col min="4106" max="4106" width="2.625" style="23" customWidth="1"/>
    <col min="4107" max="4107" width="2.125" style="23" customWidth="1"/>
    <col min="4108" max="4108" width="6" style="23" customWidth="1"/>
    <col min="4109" max="4109" width="3.625" style="23" customWidth="1"/>
    <col min="4110" max="4336" width="9" style="23"/>
    <col min="4337" max="4337" width="2.75" style="23" customWidth="1"/>
    <col min="4338" max="4338" width="8.625" style="23" customWidth="1"/>
    <col min="4339" max="4340" width="6.625" style="23" customWidth="1"/>
    <col min="4341" max="4341" width="12.625" style="23" customWidth="1"/>
    <col min="4342" max="4342" width="7.625" style="23" customWidth="1"/>
    <col min="4343" max="4343" width="8.625" style="23" customWidth="1"/>
    <col min="4344" max="4344" width="2.125" style="23" customWidth="1"/>
    <col min="4345" max="4346" width="10.125" style="23" customWidth="1"/>
    <col min="4347" max="4347" width="2.625" style="23" customWidth="1"/>
    <col min="4348" max="4348" width="2.125" style="23" customWidth="1"/>
    <col min="4349" max="4349" width="6" style="23" customWidth="1"/>
    <col min="4350" max="4350" width="3.625" style="23" customWidth="1"/>
    <col min="4351" max="4351" width="0.875" style="23" customWidth="1"/>
    <col min="4352" max="4352" width="2.75" style="23" customWidth="1"/>
    <col min="4353" max="4353" width="8.625" style="23" customWidth="1"/>
    <col min="4354" max="4355" width="6.625" style="23" customWidth="1"/>
    <col min="4356" max="4356" width="12.625" style="23" customWidth="1"/>
    <col min="4357" max="4357" width="7.625" style="23" customWidth="1"/>
    <col min="4358" max="4358" width="8.625" style="23" customWidth="1"/>
    <col min="4359" max="4359" width="2.125" style="23" customWidth="1"/>
    <col min="4360" max="4361" width="10.125" style="23" customWidth="1"/>
    <col min="4362" max="4362" width="2.625" style="23" customWidth="1"/>
    <col min="4363" max="4363" width="2.125" style="23" customWidth="1"/>
    <col min="4364" max="4364" width="6" style="23" customWidth="1"/>
    <col min="4365" max="4365" width="3.625" style="23" customWidth="1"/>
    <col min="4366" max="4592" width="9" style="23"/>
    <col min="4593" max="4593" width="2.75" style="23" customWidth="1"/>
    <col min="4594" max="4594" width="8.625" style="23" customWidth="1"/>
    <col min="4595" max="4596" width="6.625" style="23" customWidth="1"/>
    <col min="4597" max="4597" width="12.625" style="23" customWidth="1"/>
    <col min="4598" max="4598" width="7.625" style="23" customWidth="1"/>
    <col min="4599" max="4599" width="8.625" style="23" customWidth="1"/>
    <col min="4600" max="4600" width="2.125" style="23" customWidth="1"/>
    <col min="4601" max="4602" width="10.125" style="23" customWidth="1"/>
    <col min="4603" max="4603" width="2.625" style="23" customWidth="1"/>
    <col min="4604" max="4604" width="2.125" style="23" customWidth="1"/>
    <col min="4605" max="4605" width="6" style="23" customWidth="1"/>
    <col min="4606" max="4606" width="3.625" style="23" customWidth="1"/>
    <col min="4607" max="4607" width="0.875" style="23" customWidth="1"/>
    <col min="4608" max="4608" width="2.75" style="23" customWidth="1"/>
    <col min="4609" max="4609" width="8.625" style="23" customWidth="1"/>
    <col min="4610" max="4611" width="6.625" style="23" customWidth="1"/>
    <col min="4612" max="4612" width="12.625" style="23" customWidth="1"/>
    <col min="4613" max="4613" width="7.625" style="23" customWidth="1"/>
    <col min="4614" max="4614" width="8.625" style="23" customWidth="1"/>
    <col min="4615" max="4615" width="2.125" style="23" customWidth="1"/>
    <col min="4616" max="4617" width="10.125" style="23" customWidth="1"/>
    <col min="4618" max="4618" width="2.625" style="23" customWidth="1"/>
    <col min="4619" max="4619" width="2.125" style="23" customWidth="1"/>
    <col min="4620" max="4620" width="6" style="23" customWidth="1"/>
    <col min="4621" max="4621" width="3.625" style="23" customWidth="1"/>
    <col min="4622" max="4848" width="9" style="23"/>
    <col min="4849" max="4849" width="2.75" style="23" customWidth="1"/>
    <col min="4850" max="4850" width="8.625" style="23" customWidth="1"/>
    <col min="4851" max="4852" width="6.625" style="23" customWidth="1"/>
    <col min="4853" max="4853" width="12.625" style="23" customWidth="1"/>
    <col min="4854" max="4854" width="7.625" style="23" customWidth="1"/>
    <col min="4855" max="4855" width="8.625" style="23" customWidth="1"/>
    <col min="4856" max="4856" width="2.125" style="23" customWidth="1"/>
    <col min="4857" max="4858" width="10.125" style="23" customWidth="1"/>
    <col min="4859" max="4859" width="2.625" style="23" customWidth="1"/>
    <col min="4860" max="4860" width="2.125" style="23" customWidth="1"/>
    <col min="4861" max="4861" width="6" style="23" customWidth="1"/>
    <col min="4862" max="4862" width="3.625" style="23" customWidth="1"/>
    <col min="4863" max="4863" width="0.875" style="23" customWidth="1"/>
    <col min="4864" max="4864" width="2.75" style="23" customWidth="1"/>
    <col min="4865" max="4865" width="8.625" style="23" customWidth="1"/>
    <col min="4866" max="4867" width="6.625" style="23" customWidth="1"/>
    <col min="4868" max="4868" width="12.625" style="23" customWidth="1"/>
    <col min="4869" max="4869" width="7.625" style="23" customWidth="1"/>
    <col min="4870" max="4870" width="8.625" style="23" customWidth="1"/>
    <col min="4871" max="4871" width="2.125" style="23" customWidth="1"/>
    <col min="4872" max="4873" width="10.125" style="23" customWidth="1"/>
    <col min="4874" max="4874" width="2.625" style="23" customWidth="1"/>
    <col min="4875" max="4875" width="2.125" style="23" customWidth="1"/>
    <col min="4876" max="4876" width="6" style="23" customWidth="1"/>
    <col min="4877" max="4877" width="3.625" style="23" customWidth="1"/>
    <col min="4878" max="5104" width="9" style="23"/>
    <col min="5105" max="5105" width="2.75" style="23" customWidth="1"/>
    <col min="5106" max="5106" width="8.625" style="23" customWidth="1"/>
    <col min="5107" max="5108" width="6.625" style="23" customWidth="1"/>
    <col min="5109" max="5109" width="12.625" style="23" customWidth="1"/>
    <col min="5110" max="5110" width="7.625" style="23" customWidth="1"/>
    <col min="5111" max="5111" width="8.625" style="23" customWidth="1"/>
    <col min="5112" max="5112" width="2.125" style="23" customWidth="1"/>
    <col min="5113" max="5114" width="10.125" style="23" customWidth="1"/>
    <col min="5115" max="5115" width="2.625" style="23" customWidth="1"/>
    <col min="5116" max="5116" width="2.125" style="23" customWidth="1"/>
    <col min="5117" max="5117" width="6" style="23" customWidth="1"/>
    <col min="5118" max="5118" width="3.625" style="23" customWidth="1"/>
    <col min="5119" max="5119" width="0.875" style="23" customWidth="1"/>
    <col min="5120" max="5120" width="2.75" style="23" customWidth="1"/>
    <col min="5121" max="5121" width="8.625" style="23" customWidth="1"/>
    <col min="5122" max="5123" width="6.625" style="23" customWidth="1"/>
    <col min="5124" max="5124" width="12.625" style="23" customWidth="1"/>
    <col min="5125" max="5125" width="7.625" style="23" customWidth="1"/>
    <col min="5126" max="5126" width="8.625" style="23" customWidth="1"/>
    <col min="5127" max="5127" width="2.125" style="23" customWidth="1"/>
    <col min="5128" max="5129" width="10.125" style="23" customWidth="1"/>
    <col min="5130" max="5130" width="2.625" style="23" customWidth="1"/>
    <col min="5131" max="5131" width="2.125" style="23" customWidth="1"/>
    <col min="5132" max="5132" width="6" style="23" customWidth="1"/>
    <col min="5133" max="5133" width="3.625" style="23" customWidth="1"/>
    <col min="5134" max="5360" width="9" style="23"/>
    <col min="5361" max="5361" width="2.75" style="23" customWidth="1"/>
    <col min="5362" max="5362" width="8.625" style="23" customWidth="1"/>
    <col min="5363" max="5364" width="6.625" style="23" customWidth="1"/>
    <col min="5365" max="5365" width="12.625" style="23" customWidth="1"/>
    <col min="5366" max="5366" width="7.625" style="23" customWidth="1"/>
    <col min="5367" max="5367" width="8.625" style="23" customWidth="1"/>
    <col min="5368" max="5368" width="2.125" style="23" customWidth="1"/>
    <col min="5369" max="5370" width="10.125" style="23" customWidth="1"/>
    <col min="5371" max="5371" width="2.625" style="23" customWidth="1"/>
    <col min="5372" max="5372" width="2.125" style="23" customWidth="1"/>
    <col min="5373" max="5373" width="6" style="23" customWidth="1"/>
    <col min="5374" max="5374" width="3.625" style="23" customWidth="1"/>
    <col min="5375" max="5375" width="0.875" style="23" customWidth="1"/>
    <col min="5376" max="5376" width="2.75" style="23" customWidth="1"/>
    <col min="5377" max="5377" width="8.625" style="23" customWidth="1"/>
    <col min="5378" max="5379" width="6.625" style="23" customWidth="1"/>
    <col min="5380" max="5380" width="12.625" style="23" customWidth="1"/>
    <col min="5381" max="5381" width="7.625" style="23" customWidth="1"/>
    <col min="5382" max="5382" width="8.625" style="23" customWidth="1"/>
    <col min="5383" max="5383" width="2.125" style="23" customWidth="1"/>
    <col min="5384" max="5385" width="10.125" style="23" customWidth="1"/>
    <col min="5386" max="5386" width="2.625" style="23" customWidth="1"/>
    <col min="5387" max="5387" width="2.125" style="23" customWidth="1"/>
    <col min="5388" max="5388" width="6" style="23" customWidth="1"/>
    <col min="5389" max="5389" width="3.625" style="23" customWidth="1"/>
    <col min="5390" max="5616" width="9" style="23"/>
    <col min="5617" max="5617" width="2.75" style="23" customWidth="1"/>
    <col min="5618" max="5618" width="8.625" style="23" customWidth="1"/>
    <col min="5619" max="5620" width="6.625" style="23" customWidth="1"/>
    <col min="5621" max="5621" width="12.625" style="23" customWidth="1"/>
    <col min="5622" max="5622" width="7.625" style="23" customWidth="1"/>
    <col min="5623" max="5623" width="8.625" style="23" customWidth="1"/>
    <col min="5624" max="5624" width="2.125" style="23" customWidth="1"/>
    <col min="5625" max="5626" width="10.125" style="23" customWidth="1"/>
    <col min="5627" max="5627" width="2.625" style="23" customWidth="1"/>
    <col min="5628" max="5628" width="2.125" style="23" customWidth="1"/>
    <col min="5629" max="5629" width="6" style="23" customWidth="1"/>
    <col min="5630" max="5630" width="3.625" style="23" customWidth="1"/>
    <col min="5631" max="5631" width="0.875" style="23" customWidth="1"/>
    <col min="5632" max="5632" width="2.75" style="23" customWidth="1"/>
    <col min="5633" max="5633" width="8.625" style="23" customWidth="1"/>
    <col min="5634" max="5635" width="6.625" style="23" customWidth="1"/>
    <col min="5636" max="5636" width="12.625" style="23" customWidth="1"/>
    <col min="5637" max="5637" width="7.625" style="23" customWidth="1"/>
    <col min="5638" max="5638" width="8.625" style="23" customWidth="1"/>
    <col min="5639" max="5639" width="2.125" style="23" customWidth="1"/>
    <col min="5640" max="5641" width="10.125" style="23" customWidth="1"/>
    <col min="5642" max="5642" width="2.625" style="23" customWidth="1"/>
    <col min="5643" max="5643" width="2.125" style="23" customWidth="1"/>
    <col min="5644" max="5644" width="6" style="23" customWidth="1"/>
    <col min="5645" max="5645" width="3.625" style="23" customWidth="1"/>
    <col min="5646" max="5872" width="9" style="23"/>
    <col min="5873" max="5873" width="2.75" style="23" customWidth="1"/>
    <col min="5874" max="5874" width="8.625" style="23" customWidth="1"/>
    <col min="5875" max="5876" width="6.625" style="23" customWidth="1"/>
    <col min="5877" max="5877" width="12.625" style="23" customWidth="1"/>
    <col min="5878" max="5878" width="7.625" style="23" customWidth="1"/>
    <col min="5879" max="5879" width="8.625" style="23" customWidth="1"/>
    <col min="5880" max="5880" width="2.125" style="23" customWidth="1"/>
    <col min="5881" max="5882" width="10.125" style="23" customWidth="1"/>
    <col min="5883" max="5883" width="2.625" style="23" customWidth="1"/>
    <col min="5884" max="5884" width="2.125" style="23" customWidth="1"/>
    <col min="5885" max="5885" width="6" style="23" customWidth="1"/>
    <col min="5886" max="5886" width="3.625" style="23" customWidth="1"/>
    <col min="5887" max="5887" width="0.875" style="23" customWidth="1"/>
    <col min="5888" max="5888" width="2.75" style="23" customWidth="1"/>
    <col min="5889" max="5889" width="8.625" style="23" customWidth="1"/>
    <col min="5890" max="5891" width="6.625" style="23" customWidth="1"/>
    <col min="5892" max="5892" width="12.625" style="23" customWidth="1"/>
    <col min="5893" max="5893" width="7.625" style="23" customWidth="1"/>
    <col min="5894" max="5894" width="8.625" style="23" customWidth="1"/>
    <col min="5895" max="5895" width="2.125" style="23" customWidth="1"/>
    <col min="5896" max="5897" width="10.125" style="23" customWidth="1"/>
    <col min="5898" max="5898" width="2.625" style="23" customWidth="1"/>
    <col min="5899" max="5899" width="2.125" style="23" customWidth="1"/>
    <col min="5900" max="5900" width="6" style="23" customWidth="1"/>
    <col min="5901" max="5901" width="3.625" style="23" customWidth="1"/>
    <col min="5902" max="6128" width="9" style="23"/>
    <col min="6129" max="6129" width="2.75" style="23" customWidth="1"/>
    <col min="6130" max="6130" width="8.625" style="23" customWidth="1"/>
    <col min="6131" max="6132" width="6.625" style="23" customWidth="1"/>
    <col min="6133" max="6133" width="12.625" style="23" customWidth="1"/>
    <col min="6134" max="6134" width="7.625" style="23" customWidth="1"/>
    <col min="6135" max="6135" width="8.625" style="23" customWidth="1"/>
    <col min="6136" max="6136" width="2.125" style="23" customWidth="1"/>
    <col min="6137" max="6138" width="10.125" style="23" customWidth="1"/>
    <col min="6139" max="6139" width="2.625" style="23" customWidth="1"/>
    <col min="6140" max="6140" width="2.125" style="23" customWidth="1"/>
    <col min="6141" max="6141" width="6" style="23" customWidth="1"/>
    <col min="6142" max="6142" width="3.625" style="23" customWidth="1"/>
    <col min="6143" max="6143" width="0.875" style="23" customWidth="1"/>
    <col min="6144" max="6144" width="2.75" style="23" customWidth="1"/>
    <col min="6145" max="6145" width="8.625" style="23" customWidth="1"/>
    <col min="6146" max="6147" width="6.625" style="23" customWidth="1"/>
    <col min="6148" max="6148" width="12.625" style="23" customWidth="1"/>
    <col min="6149" max="6149" width="7.625" style="23" customWidth="1"/>
    <col min="6150" max="6150" width="8.625" style="23" customWidth="1"/>
    <col min="6151" max="6151" width="2.125" style="23" customWidth="1"/>
    <col min="6152" max="6153" width="10.125" style="23" customWidth="1"/>
    <col min="6154" max="6154" width="2.625" style="23" customWidth="1"/>
    <col min="6155" max="6155" width="2.125" style="23" customWidth="1"/>
    <col min="6156" max="6156" width="6" style="23" customWidth="1"/>
    <col min="6157" max="6157" width="3.625" style="23" customWidth="1"/>
    <col min="6158" max="6384" width="9" style="23"/>
    <col min="6385" max="6385" width="2.75" style="23" customWidth="1"/>
    <col min="6386" max="6386" width="8.625" style="23" customWidth="1"/>
    <col min="6387" max="6388" width="6.625" style="23" customWidth="1"/>
    <col min="6389" max="6389" width="12.625" style="23" customWidth="1"/>
    <col min="6390" max="6390" width="7.625" style="23" customWidth="1"/>
    <col min="6391" max="6391" width="8.625" style="23" customWidth="1"/>
    <col min="6392" max="6392" width="2.125" style="23" customWidth="1"/>
    <col min="6393" max="6394" width="10.125" style="23" customWidth="1"/>
    <col min="6395" max="6395" width="2.625" style="23" customWidth="1"/>
    <col min="6396" max="6396" width="2.125" style="23" customWidth="1"/>
    <col min="6397" max="6397" width="6" style="23" customWidth="1"/>
    <col min="6398" max="6398" width="3.625" style="23" customWidth="1"/>
    <col min="6399" max="6399" width="0.875" style="23" customWidth="1"/>
    <col min="6400" max="6400" width="2.75" style="23" customWidth="1"/>
    <col min="6401" max="6401" width="8.625" style="23" customWidth="1"/>
    <col min="6402" max="6403" width="6.625" style="23" customWidth="1"/>
    <col min="6404" max="6404" width="12.625" style="23" customWidth="1"/>
    <col min="6405" max="6405" width="7.625" style="23" customWidth="1"/>
    <col min="6406" max="6406" width="8.625" style="23" customWidth="1"/>
    <col min="6407" max="6407" width="2.125" style="23" customWidth="1"/>
    <col min="6408" max="6409" width="10.125" style="23" customWidth="1"/>
    <col min="6410" max="6410" width="2.625" style="23" customWidth="1"/>
    <col min="6411" max="6411" width="2.125" style="23" customWidth="1"/>
    <col min="6412" max="6412" width="6" style="23" customWidth="1"/>
    <col min="6413" max="6413" width="3.625" style="23" customWidth="1"/>
    <col min="6414" max="6640" width="9" style="23"/>
    <col min="6641" max="6641" width="2.75" style="23" customWidth="1"/>
    <col min="6642" max="6642" width="8.625" style="23" customWidth="1"/>
    <col min="6643" max="6644" width="6.625" style="23" customWidth="1"/>
    <col min="6645" max="6645" width="12.625" style="23" customWidth="1"/>
    <col min="6646" max="6646" width="7.625" style="23" customWidth="1"/>
    <col min="6647" max="6647" width="8.625" style="23" customWidth="1"/>
    <col min="6648" max="6648" width="2.125" style="23" customWidth="1"/>
    <col min="6649" max="6650" width="10.125" style="23" customWidth="1"/>
    <col min="6651" max="6651" width="2.625" style="23" customWidth="1"/>
    <col min="6652" max="6652" width="2.125" style="23" customWidth="1"/>
    <col min="6653" max="6653" width="6" style="23" customWidth="1"/>
    <col min="6654" max="6654" width="3.625" style="23" customWidth="1"/>
    <col min="6655" max="6655" width="0.875" style="23" customWidth="1"/>
    <col min="6656" max="6656" width="2.75" style="23" customWidth="1"/>
    <col min="6657" max="6657" width="8.625" style="23" customWidth="1"/>
    <col min="6658" max="6659" width="6.625" style="23" customWidth="1"/>
    <col min="6660" max="6660" width="12.625" style="23" customWidth="1"/>
    <col min="6661" max="6661" width="7.625" style="23" customWidth="1"/>
    <col min="6662" max="6662" width="8.625" style="23" customWidth="1"/>
    <col min="6663" max="6663" width="2.125" style="23" customWidth="1"/>
    <col min="6664" max="6665" width="10.125" style="23" customWidth="1"/>
    <col min="6666" max="6666" width="2.625" style="23" customWidth="1"/>
    <col min="6667" max="6667" width="2.125" style="23" customWidth="1"/>
    <col min="6668" max="6668" width="6" style="23" customWidth="1"/>
    <col min="6669" max="6669" width="3.625" style="23" customWidth="1"/>
    <col min="6670" max="6896" width="9" style="23"/>
    <col min="6897" max="6897" width="2.75" style="23" customWidth="1"/>
    <col min="6898" max="6898" width="8.625" style="23" customWidth="1"/>
    <col min="6899" max="6900" width="6.625" style="23" customWidth="1"/>
    <col min="6901" max="6901" width="12.625" style="23" customWidth="1"/>
    <col min="6902" max="6902" width="7.625" style="23" customWidth="1"/>
    <col min="6903" max="6903" width="8.625" style="23" customWidth="1"/>
    <col min="6904" max="6904" width="2.125" style="23" customWidth="1"/>
    <col min="6905" max="6906" width="10.125" style="23" customWidth="1"/>
    <col min="6907" max="6907" width="2.625" style="23" customWidth="1"/>
    <col min="6908" max="6908" width="2.125" style="23" customWidth="1"/>
    <col min="6909" max="6909" width="6" style="23" customWidth="1"/>
    <col min="6910" max="6910" width="3.625" style="23" customWidth="1"/>
    <col min="6911" max="6911" width="0.875" style="23" customWidth="1"/>
    <col min="6912" max="6912" width="2.75" style="23" customWidth="1"/>
    <col min="6913" max="6913" width="8.625" style="23" customWidth="1"/>
    <col min="6914" max="6915" width="6.625" style="23" customWidth="1"/>
    <col min="6916" max="6916" width="12.625" style="23" customWidth="1"/>
    <col min="6917" max="6917" width="7.625" style="23" customWidth="1"/>
    <col min="6918" max="6918" width="8.625" style="23" customWidth="1"/>
    <col min="6919" max="6919" width="2.125" style="23" customWidth="1"/>
    <col min="6920" max="6921" width="10.125" style="23" customWidth="1"/>
    <col min="6922" max="6922" width="2.625" style="23" customWidth="1"/>
    <col min="6923" max="6923" width="2.125" style="23" customWidth="1"/>
    <col min="6924" max="6924" width="6" style="23" customWidth="1"/>
    <col min="6925" max="6925" width="3.625" style="23" customWidth="1"/>
    <col min="6926" max="7152" width="9" style="23"/>
    <col min="7153" max="7153" width="2.75" style="23" customWidth="1"/>
    <col min="7154" max="7154" width="8.625" style="23" customWidth="1"/>
    <col min="7155" max="7156" width="6.625" style="23" customWidth="1"/>
    <col min="7157" max="7157" width="12.625" style="23" customWidth="1"/>
    <col min="7158" max="7158" width="7.625" style="23" customWidth="1"/>
    <col min="7159" max="7159" width="8.625" style="23" customWidth="1"/>
    <col min="7160" max="7160" width="2.125" style="23" customWidth="1"/>
    <col min="7161" max="7162" width="10.125" style="23" customWidth="1"/>
    <col min="7163" max="7163" width="2.625" style="23" customWidth="1"/>
    <col min="7164" max="7164" width="2.125" style="23" customWidth="1"/>
    <col min="7165" max="7165" width="6" style="23" customWidth="1"/>
    <col min="7166" max="7166" width="3.625" style="23" customWidth="1"/>
    <col min="7167" max="7167" width="0.875" style="23" customWidth="1"/>
    <col min="7168" max="7168" width="2.75" style="23" customWidth="1"/>
    <col min="7169" max="7169" width="8.625" style="23" customWidth="1"/>
    <col min="7170" max="7171" width="6.625" style="23" customWidth="1"/>
    <col min="7172" max="7172" width="12.625" style="23" customWidth="1"/>
    <col min="7173" max="7173" width="7.625" style="23" customWidth="1"/>
    <col min="7174" max="7174" width="8.625" style="23" customWidth="1"/>
    <col min="7175" max="7175" width="2.125" style="23" customWidth="1"/>
    <col min="7176" max="7177" width="10.125" style="23" customWidth="1"/>
    <col min="7178" max="7178" width="2.625" style="23" customWidth="1"/>
    <col min="7179" max="7179" width="2.125" style="23" customWidth="1"/>
    <col min="7180" max="7180" width="6" style="23" customWidth="1"/>
    <col min="7181" max="7181" width="3.625" style="23" customWidth="1"/>
    <col min="7182" max="7408" width="9" style="23"/>
    <col min="7409" max="7409" width="2.75" style="23" customWidth="1"/>
    <col min="7410" max="7410" width="8.625" style="23" customWidth="1"/>
    <col min="7411" max="7412" width="6.625" style="23" customWidth="1"/>
    <col min="7413" max="7413" width="12.625" style="23" customWidth="1"/>
    <col min="7414" max="7414" width="7.625" style="23" customWidth="1"/>
    <col min="7415" max="7415" width="8.625" style="23" customWidth="1"/>
    <col min="7416" max="7416" width="2.125" style="23" customWidth="1"/>
    <col min="7417" max="7418" width="10.125" style="23" customWidth="1"/>
    <col min="7419" max="7419" width="2.625" style="23" customWidth="1"/>
    <col min="7420" max="7420" width="2.125" style="23" customWidth="1"/>
    <col min="7421" max="7421" width="6" style="23" customWidth="1"/>
    <col min="7422" max="7422" width="3.625" style="23" customWidth="1"/>
    <col min="7423" max="7423" width="0.875" style="23" customWidth="1"/>
    <col min="7424" max="7424" width="2.75" style="23" customWidth="1"/>
    <col min="7425" max="7425" width="8.625" style="23" customWidth="1"/>
    <col min="7426" max="7427" width="6.625" style="23" customWidth="1"/>
    <col min="7428" max="7428" width="12.625" style="23" customWidth="1"/>
    <col min="7429" max="7429" width="7.625" style="23" customWidth="1"/>
    <col min="7430" max="7430" width="8.625" style="23" customWidth="1"/>
    <col min="7431" max="7431" width="2.125" style="23" customWidth="1"/>
    <col min="7432" max="7433" width="10.125" style="23" customWidth="1"/>
    <col min="7434" max="7434" width="2.625" style="23" customWidth="1"/>
    <col min="7435" max="7435" width="2.125" style="23" customWidth="1"/>
    <col min="7436" max="7436" width="6" style="23" customWidth="1"/>
    <col min="7437" max="7437" width="3.625" style="23" customWidth="1"/>
    <col min="7438" max="7664" width="9" style="23"/>
    <col min="7665" max="7665" width="2.75" style="23" customWidth="1"/>
    <col min="7666" max="7666" width="8.625" style="23" customWidth="1"/>
    <col min="7667" max="7668" width="6.625" style="23" customWidth="1"/>
    <col min="7669" max="7669" width="12.625" style="23" customWidth="1"/>
    <col min="7670" max="7670" width="7.625" style="23" customWidth="1"/>
    <col min="7671" max="7671" width="8.625" style="23" customWidth="1"/>
    <col min="7672" max="7672" width="2.125" style="23" customWidth="1"/>
    <col min="7673" max="7674" width="10.125" style="23" customWidth="1"/>
    <col min="7675" max="7675" width="2.625" style="23" customWidth="1"/>
    <col min="7676" max="7676" width="2.125" style="23" customWidth="1"/>
    <col min="7677" max="7677" width="6" style="23" customWidth="1"/>
    <col min="7678" max="7678" width="3.625" style="23" customWidth="1"/>
    <col min="7679" max="7679" width="0.875" style="23" customWidth="1"/>
    <col min="7680" max="7680" width="2.75" style="23" customWidth="1"/>
    <col min="7681" max="7681" width="8.625" style="23" customWidth="1"/>
    <col min="7682" max="7683" width="6.625" style="23" customWidth="1"/>
    <col min="7684" max="7684" width="12.625" style="23" customWidth="1"/>
    <col min="7685" max="7685" width="7.625" style="23" customWidth="1"/>
    <col min="7686" max="7686" width="8.625" style="23" customWidth="1"/>
    <col min="7687" max="7687" width="2.125" style="23" customWidth="1"/>
    <col min="7688" max="7689" width="10.125" style="23" customWidth="1"/>
    <col min="7690" max="7690" width="2.625" style="23" customWidth="1"/>
    <col min="7691" max="7691" width="2.125" style="23" customWidth="1"/>
    <col min="7692" max="7692" width="6" style="23" customWidth="1"/>
    <col min="7693" max="7693" width="3.625" style="23" customWidth="1"/>
    <col min="7694" max="7920" width="9" style="23"/>
    <col min="7921" max="7921" width="2.75" style="23" customWidth="1"/>
    <col min="7922" max="7922" width="8.625" style="23" customWidth="1"/>
    <col min="7923" max="7924" width="6.625" style="23" customWidth="1"/>
    <col min="7925" max="7925" width="12.625" style="23" customWidth="1"/>
    <col min="7926" max="7926" width="7.625" style="23" customWidth="1"/>
    <col min="7927" max="7927" width="8.625" style="23" customWidth="1"/>
    <col min="7928" max="7928" width="2.125" style="23" customWidth="1"/>
    <col min="7929" max="7930" width="10.125" style="23" customWidth="1"/>
    <col min="7931" max="7931" width="2.625" style="23" customWidth="1"/>
    <col min="7932" max="7932" width="2.125" style="23" customWidth="1"/>
    <col min="7933" max="7933" width="6" style="23" customWidth="1"/>
    <col min="7934" max="7934" width="3.625" style="23" customWidth="1"/>
    <col min="7935" max="7935" width="0.875" style="23" customWidth="1"/>
    <col min="7936" max="7936" width="2.75" style="23" customWidth="1"/>
    <col min="7937" max="7937" width="8.625" style="23" customWidth="1"/>
    <col min="7938" max="7939" width="6.625" style="23" customWidth="1"/>
    <col min="7940" max="7940" width="12.625" style="23" customWidth="1"/>
    <col min="7941" max="7941" width="7.625" style="23" customWidth="1"/>
    <col min="7942" max="7942" width="8.625" style="23" customWidth="1"/>
    <col min="7943" max="7943" width="2.125" style="23" customWidth="1"/>
    <col min="7944" max="7945" width="10.125" style="23" customWidth="1"/>
    <col min="7946" max="7946" width="2.625" style="23" customWidth="1"/>
    <col min="7947" max="7947" width="2.125" style="23" customWidth="1"/>
    <col min="7948" max="7948" width="6" style="23" customWidth="1"/>
    <col min="7949" max="7949" width="3.625" style="23" customWidth="1"/>
    <col min="7950" max="8176" width="9" style="23"/>
    <col min="8177" max="8177" width="2.75" style="23" customWidth="1"/>
    <col min="8178" max="8178" width="8.625" style="23" customWidth="1"/>
    <col min="8179" max="8180" width="6.625" style="23" customWidth="1"/>
    <col min="8181" max="8181" width="12.625" style="23" customWidth="1"/>
    <col min="8182" max="8182" width="7.625" style="23" customWidth="1"/>
    <col min="8183" max="8183" width="8.625" style="23" customWidth="1"/>
    <col min="8184" max="8184" width="2.125" style="23" customWidth="1"/>
    <col min="8185" max="8186" width="10.125" style="23" customWidth="1"/>
    <col min="8187" max="8187" width="2.625" style="23" customWidth="1"/>
    <col min="8188" max="8188" width="2.125" style="23" customWidth="1"/>
    <col min="8189" max="8189" width="6" style="23" customWidth="1"/>
    <col min="8190" max="8190" width="3.625" style="23" customWidth="1"/>
    <col min="8191" max="8191" width="0.875" style="23" customWidth="1"/>
    <col min="8192" max="8192" width="2.75" style="23" customWidth="1"/>
    <col min="8193" max="8193" width="8.625" style="23" customWidth="1"/>
    <col min="8194" max="8195" width="6.625" style="23" customWidth="1"/>
    <col min="8196" max="8196" width="12.625" style="23" customWidth="1"/>
    <col min="8197" max="8197" width="7.625" style="23" customWidth="1"/>
    <col min="8198" max="8198" width="8.625" style="23" customWidth="1"/>
    <col min="8199" max="8199" width="2.125" style="23" customWidth="1"/>
    <col min="8200" max="8201" width="10.125" style="23" customWidth="1"/>
    <col min="8202" max="8202" width="2.625" style="23" customWidth="1"/>
    <col min="8203" max="8203" width="2.125" style="23" customWidth="1"/>
    <col min="8204" max="8204" width="6" style="23" customWidth="1"/>
    <col min="8205" max="8205" width="3.625" style="23" customWidth="1"/>
    <col min="8206" max="8432" width="9" style="23"/>
    <col min="8433" max="8433" width="2.75" style="23" customWidth="1"/>
    <col min="8434" max="8434" width="8.625" style="23" customWidth="1"/>
    <col min="8435" max="8436" width="6.625" style="23" customWidth="1"/>
    <col min="8437" max="8437" width="12.625" style="23" customWidth="1"/>
    <col min="8438" max="8438" width="7.625" style="23" customWidth="1"/>
    <col min="8439" max="8439" width="8.625" style="23" customWidth="1"/>
    <col min="8440" max="8440" width="2.125" style="23" customWidth="1"/>
    <col min="8441" max="8442" width="10.125" style="23" customWidth="1"/>
    <col min="8443" max="8443" width="2.625" style="23" customWidth="1"/>
    <col min="8444" max="8444" width="2.125" style="23" customWidth="1"/>
    <col min="8445" max="8445" width="6" style="23" customWidth="1"/>
    <col min="8446" max="8446" width="3.625" style="23" customWidth="1"/>
    <col min="8447" max="8447" width="0.875" style="23" customWidth="1"/>
    <col min="8448" max="8448" width="2.75" style="23" customWidth="1"/>
    <col min="8449" max="8449" width="8.625" style="23" customWidth="1"/>
    <col min="8450" max="8451" width="6.625" style="23" customWidth="1"/>
    <col min="8452" max="8452" width="12.625" style="23" customWidth="1"/>
    <col min="8453" max="8453" width="7.625" style="23" customWidth="1"/>
    <col min="8454" max="8454" width="8.625" style="23" customWidth="1"/>
    <col min="8455" max="8455" width="2.125" style="23" customWidth="1"/>
    <col min="8456" max="8457" width="10.125" style="23" customWidth="1"/>
    <col min="8458" max="8458" width="2.625" style="23" customWidth="1"/>
    <col min="8459" max="8459" width="2.125" style="23" customWidth="1"/>
    <col min="8460" max="8460" width="6" style="23" customWidth="1"/>
    <col min="8461" max="8461" width="3.625" style="23" customWidth="1"/>
    <col min="8462" max="8688" width="9" style="23"/>
    <col min="8689" max="8689" width="2.75" style="23" customWidth="1"/>
    <col min="8690" max="8690" width="8.625" style="23" customWidth="1"/>
    <col min="8691" max="8692" width="6.625" style="23" customWidth="1"/>
    <col min="8693" max="8693" width="12.625" style="23" customWidth="1"/>
    <col min="8694" max="8694" width="7.625" style="23" customWidth="1"/>
    <col min="8695" max="8695" width="8.625" style="23" customWidth="1"/>
    <col min="8696" max="8696" width="2.125" style="23" customWidth="1"/>
    <col min="8697" max="8698" width="10.125" style="23" customWidth="1"/>
    <col min="8699" max="8699" width="2.625" style="23" customWidth="1"/>
    <col min="8700" max="8700" width="2.125" style="23" customWidth="1"/>
    <col min="8701" max="8701" width="6" style="23" customWidth="1"/>
    <col min="8702" max="8702" width="3.625" style="23" customWidth="1"/>
    <col min="8703" max="8703" width="0.875" style="23" customWidth="1"/>
    <col min="8704" max="8704" width="2.75" style="23" customWidth="1"/>
    <col min="8705" max="8705" width="8.625" style="23" customWidth="1"/>
    <col min="8706" max="8707" width="6.625" style="23" customWidth="1"/>
    <col min="8708" max="8708" width="12.625" style="23" customWidth="1"/>
    <col min="8709" max="8709" width="7.625" style="23" customWidth="1"/>
    <col min="8710" max="8710" width="8.625" style="23" customWidth="1"/>
    <col min="8711" max="8711" width="2.125" style="23" customWidth="1"/>
    <col min="8712" max="8713" width="10.125" style="23" customWidth="1"/>
    <col min="8714" max="8714" width="2.625" style="23" customWidth="1"/>
    <col min="8715" max="8715" width="2.125" style="23" customWidth="1"/>
    <col min="8716" max="8716" width="6" style="23" customWidth="1"/>
    <col min="8717" max="8717" width="3.625" style="23" customWidth="1"/>
    <col min="8718" max="8944" width="9" style="23"/>
    <col min="8945" max="8945" width="2.75" style="23" customWidth="1"/>
    <col min="8946" max="8946" width="8.625" style="23" customWidth="1"/>
    <col min="8947" max="8948" width="6.625" style="23" customWidth="1"/>
    <col min="8949" max="8949" width="12.625" style="23" customWidth="1"/>
    <col min="8950" max="8950" width="7.625" style="23" customWidth="1"/>
    <col min="8951" max="8951" width="8.625" style="23" customWidth="1"/>
    <col min="8952" max="8952" width="2.125" style="23" customWidth="1"/>
    <col min="8953" max="8954" width="10.125" style="23" customWidth="1"/>
    <col min="8955" max="8955" width="2.625" style="23" customWidth="1"/>
    <col min="8956" max="8956" width="2.125" style="23" customWidth="1"/>
    <col min="8957" max="8957" width="6" style="23" customWidth="1"/>
    <col min="8958" max="8958" width="3.625" style="23" customWidth="1"/>
    <col min="8959" max="8959" width="0.875" style="23" customWidth="1"/>
    <col min="8960" max="8960" width="2.75" style="23" customWidth="1"/>
    <col min="8961" max="8961" width="8.625" style="23" customWidth="1"/>
    <col min="8962" max="8963" width="6.625" style="23" customWidth="1"/>
    <col min="8964" max="8964" width="12.625" style="23" customWidth="1"/>
    <col min="8965" max="8965" width="7.625" style="23" customWidth="1"/>
    <col min="8966" max="8966" width="8.625" style="23" customWidth="1"/>
    <col min="8967" max="8967" width="2.125" style="23" customWidth="1"/>
    <col min="8968" max="8969" width="10.125" style="23" customWidth="1"/>
    <col min="8970" max="8970" width="2.625" style="23" customWidth="1"/>
    <col min="8971" max="8971" width="2.125" style="23" customWidth="1"/>
    <col min="8972" max="8972" width="6" style="23" customWidth="1"/>
    <col min="8973" max="8973" width="3.625" style="23" customWidth="1"/>
    <col min="8974" max="9200" width="9" style="23"/>
    <col min="9201" max="9201" width="2.75" style="23" customWidth="1"/>
    <col min="9202" max="9202" width="8.625" style="23" customWidth="1"/>
    <col min="9203" max="9204" width="6.625" style="23" customWidth="1"/>
    <col min="9205" max="9205" width="12.625" style="23" customWidth="1"/>
    <col min="9206" max="9206" width="7.625" style="23" customWidth="1"/>
    <col min="9207" max="9207" width="8.625" style="23" customWidth="1"/>
    <col min="9208" max="9208" width="2.125" style="23" customWidth="1"/>
    <col min="9209" max="9210" width="10.125" style="23" customWidth="1"/>
    <col min="9211" max="9211" width="2.625" style="23" customWidth="1"/>
    <col min="9212" max="9212" width="2.125" style="23" customWidth="1"/>
    <col min="9213" max="9213" width="6" style="23" customWidth="1"/>
    <col min="9214" max="9214" width="3.625" style="23" customWidth="1"/>
    <col min="9215" max="9215" width="0.875" style="23" customWidth="1"/>
    <col min="9216" max="9216" width="2.75" style="23" customWidth="1"/>
    <col min="9217" max="9217" width="8.625" style="23" customWidth="1"/>
    <col min="9218" max="9219" width="6.625" style="23" customWidth="1"/>
    <col min="9220" max="9220" width="12.625" style="23" customWidth="1"/>
    <col min="9221" max="9221" width="7.625" style="23" customWidth="1"/>
    <col min="9222" max="9222" width="8.625" style="23" customWidth="1"/>
    <col min="9223" max="9223" width="2.125" style="23" customWidth="1"/>
    <col min="9224" max="9225" width="10.125" style="23" customWidth="1"/>
    <col min="9226" max="9226" width="2.625" style="23" customWidth="1"/>
    <col min="9227" max="9227" width="2.125" style="23" customWidth="1"/>
    <col min="9228" max="9228" width="6" style="23" customWidth="1"/>
    <col min="9229" max="9229" width="3.625" style="23" customWidth="1"/>
    <col min="9230" max="9456" width="9" style="23"/>
    <col min="9457" max="9457" width="2.75" style="23" customWidth="1"/>
    <col min="9458" max="9458" width="8.625" style="23" customWidth="1"/>
    <col min="9459" max="9460" width="6.625" style="23" customWidth="1"/>
    <col min="9461" max="9461" width="12.625" style="23" customWidth="1"/>
    <col min="9462" max="9462" width="7.625" style="23" customWidth="1"/>
    <col min="9463" max="9463" width="8.625" style="23" customWidth="1"/>
    <col min="9464" max="9464" width="2.125" style="23" customWidth="1"/>
    <col min="9465" max="9466" width="10.125" style="23" customWidth="1"/>
    <col min="9467" max="9467" width="2.625" style="23" customWidth="1"/>
    <col min="9468" max="9468" width="2.125" style="23" customWidth="1"/>
    <col min="9469" max="9469" width="6" style="23" customWidth="1"/>
    <col min="9470" max="9470" width="3.625" style="23" customWidth="1"/>
    <col min="9471" max="9471" width="0.875" style="23" customWidth="1"/>
    <col min="9472" max="9472" width="2.75" style="23" customWidth="1"/>
    <col min="9473" max="9473" width="8.625" style="23" customWidth="1"/>
    <col min="9474" max="9475" width="6.625" style="23" customWidth="1"/>
    <col min="9476" max="9476" width="12.625" style="23" customWidth="1"/>
    <col min="9477" max="9477" width="7.625" style="23" customWidth="1"/>
    <col min="9478" max="9478" width="8.625" style="23" customWidth="1"/>
    <col min="9479" max="9479" width="2.125" style="23" customWidth="1"/>
    <col min="9480" max="9481" width="10.125" style="23" customWidth="1"/>
    <col min="9482" max="9482" width="2.625" style="23" customWidth="1"/>
    <col min="9483" max="9483" width="2.125" style="23" customWidth="1"/>
    <col min="9484" max="9484" width="6" style="23" customWidth="1"/>
    <col min="9485" max="9485" width="3.625" style="23" customWidth="1"/>
    <col min="9486" max="9712" width="9" style="23"/>
    <col min="9713" max="9713" width="2.75" style="23" customWidth="1"/>
    <col min="9714" max="9714" width="8.625" style="23" customWidth="1"/>
    <col min="9715" max="9716" width="6.625" style="23" customWidth="1"/>
    <col min="9717" max="9717" width="12.625" style="23" customWidth="1"/>
    <col min="9718" max="9718" width="7.625" style="23" customWidth="1"/>
    <col min="9719" max="9719" width="8.625" style="23" customWidth="1"/>
    <col min="9720" max="9720" width="2.125" style="23" customWidth="1"/>
    <col min="9721" max="9722" width="10.125" style="23" customWidth="1"/>
    <col min="9723" max="9723" width="2.625" style="23" customWidth="1"/>
    <col min="9724" max="9724" width="2.125" style="23" customWidth="1"/>
    <col min="9725" max="9725" width="6" style="23" customWidth="1"/>
    <col min="9726" max="9726" width="3.625" style="23" customWidth="1"/>
    <col min="9727" max="9727" width="0.875" style="23" customWidth="1"/>
    <col min="9728" max="9728" width="2.75" style="23" customWidth="1"/>
    <col min="9729" max="9729" width="8.625" style="23" customWidth="1"/>
    <col min="9730" max="9731" width="6.625" style="23" customWidth="1"/>
    <col min="9732" max="9732" width="12.625" style="23" customWidth="1"/>
    <col min="9733" max="9733" width="7.625" style="23" customWidth="1"/>
    <col min="9734" max="9734" width="8.625" style="23" customWidth="1"/>
    <col min="9735" max="9735" width="2.125" style="23" customWidth="1"/>
    <col min="9736" max="9737" width="10.125" style="23" customWidth="1"/>
    <col min="9738" max="9738" width="2.625" style="23" customWidth="1"/>
    <col min="9739" max="9739" width="2.125" style="23" customWidth="1"/>
    <col min="9740" max="9740" width="6" style="23" customWidth="1"/>
    <col min="9741" max="9741" width="3.625" style="23" customWidth="1"/>
    <col min="9742" max="9968" width="9" style="23"/>
    <col min="9969" max="9969" width="2.75" style="23" customWidth="1"/>
    <col min="9970" max="9970" width="8.625" style="23" customWidth="1"/>
    <col min="9971" max="9972" width="6.625" style="23" customWidth="1"/>
    <col min="9973" max="9973" width="12.625" style="23" customWidth="1"/>
    <col min="9974" max="9974" width="7.625" style="23" customWidth="1"/>
    <col min="9975" max="9975" width="8.625" style="23" customWidth="1"/>
    <col min="9976" max="9976" width="2.125" style="23" customWidth="1"/>
    <col min="9977" max="9978" width="10.125" style="23" customWidth="1"/>
    <col min="9979" max="9979" width="2.625" style="23" customWidth="1"/>
    <col min="9980" max="9980" width="2.125" style="23" customWidth="1"/>
    <col min="9981" max="9981" width="6" style="23" customWidth="1"/>
    <col min="9982" max="9982" width="3.625" style="23" customWidth="1"/>
    <col min="9983" max="9983" width="0.875" style="23" customWidth="1"/>
    <col min="9984" max="9984" width="2.75" style="23" customWidth="1"/>
    <col min="9985" max="9985" width="8.625" style="23" customWidth="1"/>
    <col min="9986" max="9987" width="6.625" style="23" customWidth="1"/>
    <col min="9988" max="9988" width="12.625" style="23" customWidth="1"/>
    <col min="9989" max="9989" width="7.625" style="23" customWidth="1"/>
    <col min="9990" max="9990" width="8.625" style="23" customWidth="1"/>
    <col min="9991" max="9991" width="2.125" style="23" customWidth="1"/>
    <col min="9992" max="9993" width="10.125" style="23" customWidth="1"/>
    <col min="9994" max="9994" width="2.625" style="23" customWidth="1"/>
    <col min="9995" max="9995" width="2.125" style="23" customWidth="1"/>
    <col min="9996" max="9996" width="6" style="23" customWidth="1"/>
    <col min="9997" max="9997" width="3.625" style="23" customWidth="1"/>
    <col min="9998" max="10224" width="9" style="23"/>
    <col min="10225" max="10225" width="2.75" style="23" customWidth="1"/>
    <col min="10226" max="10226" width="8.625" style="23" customWidth="1"/>
    <col min="10227" max="10228" width="6.625" style="23" customWidth="1"/>
    <col min="10229" max="10229" width="12.625" style="23" customWidth="1"/>
    <col min="10230" max="10230" width="7.625" style="23" customWidth="1"/>
    <col min="10231" max="10231" width="8.625" style="23" customWidth="1"/>
    <col min="10232" max="10232" width="2.125" style="23" customWidth="1"/>
    <col min="10233" max="10234" width="10.125" style="23" customWidth="1"/>
    <col min="10235" max="10235" width="2.625" style="23" customWidth="1"/>
    <col min="10236" max="10236" width="2.125" style="23" customWidth="1"/>
    <col min="10237" max="10237" width="6" style="23" customWidth="1"/>
    <col min="10238" max="10238" width="3.625" style="23" customWidth="1"/>
    <col min="10239" max="10239" width="0.875" style="23" customWidth="1"/>
    <col min="10240" max="10240" width="2.75" style="23" customWidth="1"/>
    <col min="10241" max="10241" width="8.625" style="23" customWidth="1"/>
    <col min="10242" max="10243" width="6.625" style="23" customWidth="1"/>
    <col min="10244" max="10244" width="12.625" style="23" customWidth="1"/>
    <col min="10245" max="10245" width="7.625" style="23" customWidth="1"/>
    <col min="10246" max="10246" width="8.625" style="23" customWidth="1"/>
    <col min="10247" max="10247" width="2.125" style="23" customWidth="1"/>
    <col min="10248" max="10249" width="10.125" style="23" customWidth="1"/>
    <col min="10250" max="10250" width="2.625" style="23" customWidth="1"/>
    <col min="10251" max="10251" width="2.125" style="23" customWidth="1"/>
    <col min="10252" max="10252" width="6" style="23" customWidth="1"/>
    <col min="10253" max="10253" width="3.625" style="23" customWidth="1"/>
    <col min="10254" max="10480" width="9" style="23"/>
    <col min="10481" max="10481" width="2.75" style="23" customWidth="1"/>
    <col min="10482" max="10482" width="8.625" style="23" customWidth="1"/>
    <col min="10483" max="10484" width="6.625" style="23" customWidth="1"/>
    <col min="10485" max="10485" width="12.625" style="23" customWidth="1"/>
    <col min="10486" max="10486" width="7.625" style="23" customWidth="1"/>
    <col min="10487" max="10487" width="8.625" style="23" customWidth="1"/>
    <col min="10488" max="10488" width="2.125" style="23" customWidth="1"/>
    <col min="10489" max="10490" width="10.125" style="23" customWidth="1"/>
    <col min="10491" max="10491" width="2.625" style="23" customWidth="1"/>
    <col min="10492" max="10492" width="2.125" style="23" customWidth="1"/>
    <col min="10493" max="10493" width="6" style="23" customWidth="1"/>
    <col min="10494" max="10494" width="3.625" style="23" customWidth="1"/>
    <col min="10495" max="10495" width="0.875" style="23" customWidth="1"/>
    <col min="10496" max="10496" width="2.75" style="23" customWidth="1"/>
    <col min="10497" max="10497" width="8.625" style="23" customWidth="1"/>
    <col min="10498" max="10499" width="6.625" style="23" customWidth="1"/>
    <col min="10500" max="10500" width="12.625" style="23" customWidth="1"/>
    <col min="10501" max="10501" width="7.625" style="23" customWidth="1"/>
    <col min="10502" max="10502" width="8.625" style="23" customWidth="1"/>
    <col min="10503" max="10503" width="2.125" style="23" customWidth="1"/>
    <col min="10504" max="10505" width="10.125" style="23" customWidth="1"/>
    <col min="10506" max="10506" width="2.625" style="23" customWidth="1"/>
    <col min="10507" max="10507" width="2.125" style="23" customWidth="1"/>
    <col min="10508" max="10508" width="6" style="23" customWidth="1"/>
    <col min="10509" max="10509" width="3.625" style="23" customWidth="1"/>
    <col min="10510" max="10736" width="9" style="23"/>
    <col min="10737" max="10737" width="2.75" style="23" customWidth="1"/>
    <col min="10738" max="10738" width="8.625" style="23" customWidth="1"/>
    <col min="10739" max="10740" width="6.625" style="23" customWidth="1"/>
    <col min="10741" max="10741" width="12.625" style="23" customWidth="1"/>
    <col min="10742" max="10742" width="7.625" style="23" customWidth="1"/>
    <col min="10743" max="10743" width="8.625" style="23" customWidth="1"/>
    <col min="10744" max="10744" width="2.125" style="23" customWidth="1"/>
    <col min="10745" max="10746" width="10.125" style="23" customWidth="1"/>
    <col min="10747" max="10747" width="2.625" style="23" customWidth="1"/>
    <col min="10748" max="10748" width="2.125" style="23" customWidth="1"/>
    <col min="10749" max="10749" width="6" style="23" customWidth="1"/>
    <col min="10750" max="10750" width="3.625" style="23" customWidth="1"/>
    <col min="10751" max="10751" width="0.875" style="23" customWidth="1"/>
    <col min="10752" max="10752" width="2.75" style="23" customWidth="1"/>
    <col min="10753" max="10753" width="8.625" style="23" customWidth="1"/>
    <col min="10754" max="10755" width="6.625" style="23" customWidth="1"/>
    <col min="10756" max="10756" width="12.625" style="23" customWidth="1"/>
    <col min="10757" max="10757" width="7.625" style="23" customWidth="1"/>
    <col min="10758" max="10758" width="8.625" style="23" customWidth="1"/>
    <col min="10759" max="10759" width="2.125" style="23" customWidth="1"/>
    <col min="10760" max="10761" width="10.125" style="23" customWidth="1"/>
    <col min="10762" max="10762" width="2.625" style="23" customWidth="1"/>
    <col min="10763" max="10763" width="2.125" style="23" customWidth="1"/>
    <col min="10764" max="10764" width="6" style="23" customWidth="1"/>
    <col min="10765" max="10765" width="3.625" style="23" customWidth="1"/>
    <col min="10766" max="10992" width="9" style="23"/>
    <col min="10993" max="10993" width="2.75" style="23" customWidth="1"/>
    <col min="10994" max="10994" width="8.625" style="23" customWidth="1"/>
    <col min="10995" max="10996" width="6.625" style="23" customWidth="1"/>
    <col min="10997" max="10997" width="12.625" style="23" customWidth="1"/>
    <col min="10998" max="10998" width="7.625" style="23" customWidth="1"/>
    <col min="10999" max="10999" width="8.625" style="23" customWidth="1"/>
    <col min="11000" max="11000" width="2.125" style="23" customWidth="1"/>
    <col min="11001" max="11002" width="10.125" style="23" customWidth="1"/>
    <col min="11003" max="11003" width="2.625" style="23" customWidth="1"/>
    <col min="11004" max="11004" width="2.125" style="23" customWidth="1"/>
    <col min="11005" max="11005" width="6" style="23" customWidth="1"/>
    <col min="11006" max="11006" width="3.625" style="23" customWidth="1"/>
    <col min="11007" max="11007" width="0.875" style="23" customWidth="1"/>
    <col min="11008" max="11008" width="2.75" style="23" customWidth="1"/>
    <col min="11009" max="11009" width="8.625" style="23" customWidth="1"/>
    <col min="11010" max="11011" width="6.625" style="23" customWidth="1"/>
    <col min="11012" max="11012" width="12.625" style="23" customWidth="1"/>
    <col min="11013" max="11013" width="7.625" style="23" customWidth="1"/>
    <col min="11014" max="11014" width="8.625" style="23" customWidth="1"/>
    <col min="11015" max="11015" width="2.125" style="23" customWidth="1"/>
    <col min="11016" max="11017" width="10.125" style="23" customWidth="1"/>
    <col min="11018" max="11018" width="2.625" style="23" customWidth="1"/>
    <col min="11019" max="11019" width="2.125" style="23" customWidth="1"/>
    <col min="11020" max="11020" width="6" style="23" customWidth="1"/>
    <col min="11021" max="11021" width="3.625" style="23" customWidth="1"/>
    <col min="11022" max="11248" width="9" style="23"/>
    <col min="11249" max="11249" width="2.75" style="23" customWidth="1"/>
    <col min="11250" max="11250" width="8.625" style="23" customWidth="1"/>
    <col min="11251" max="11252" width="6.625" style="23" customWidth="1"/>
    <col min="11253" max="11253" width="12.625" style="23" customWidth="1"/>
    <col min="11254" max="11254" width="7.625" style="23" customWidth="1"/>
    <col min="11255" max="11255" width="8.625" style="23" customWidth="1"/>
    <col min="11256" max="11256" width="2.125" style="23" customWidth="1"/>
    <col min="11257" max="11258" width="10.125" style="23" customWidth="1"/>
    <col min="11259" max="11259" width="2.625" style="23" customWidth="1"/>
    <col min="11260" max="11260" width="2.125" style="23" customWidth="1"/>
    <col min="11261" max="11261" width="6" style="23" customWidth="1"/>
    <col min="11262" max="11262" width="3.625" style="23" customWidth="1"/>
    <col min="11263" max="11263" width="0.875" style="23" customWidth="1"/>
    <col min="11264" max="11264" width="2.75" style="23" customWidth="1"/>
    <col min="11265" max="11265" width="8.625" style="23" customWidth="1"/>
    <col min="11266" max="11267" width="6.625" style="23" customWidth="1"/>
    <col min="11268" max="11268" width="12.625" style="23" customWidth="1"/>
    <col min="11269" max="11269" width="7.625" style="23" customWidth="1"/>
    <col min="11270" max="11270" width="8.625" style="23" customWidth="1"/>
    <col min="11271" max="11271" width="2.125" style="23" customWidth="1"/>
    <col min="11272" max="11273" width="10.125" style="23" customWidth="1"/>
    <col min="11274" max="11274" width="2.625" style="23" customWidth="1"/>
    <col min="11275" max="11275" width="2.125" style="23" customWidth="1"/>
    <col min="11276" max="11276" width="6" style="23" customWidth="1"/>
    <col min="11277" max="11277" width="3.625" style="23" customWidth="1"/>
    <col min="11278" max="11504" width="9" style="23"/>
    <col min="11505" max="11505" width="2.75" style="23" customWidth="1"/>
    <col min="11506" max="11506" width="8.625" style="23" customWidth="1"/>
    <col min="11507" max="11508" width="6.625" style="23" customWidth="1"/>
    <col min="11509" max="11509" width="12.625" style="23" customWidth="1"/>
    <col min="11510" max="11510" width="7.625" style="23" customWidth="1"/>
    <col min="11511" max="11511" width="8.625" style="23" customWidth="1"/>
    <col min="11512" max="11512" width="2.125" style="23" customWidth="1"/>
    <col min="11513" max="11514" width="10.125" style="23" customWidth="1"/>
    <col min="11515" max="11515" width="2.625" style="23" customWidth="1"/>
    <col min="11516" max="11516" width="2.125" style="23" customWidth="1"/>
    <col min="11517" max="11517" width="6" style="23" customWidth="1"/>
    <col min="11518" max="11518" width="3.625" style="23" customWidth="1"/>
    <col min="11519" max="11519" width="0.875" style="23" customWidth="1"/>
    <col min="11520" max="11520" width="2.75" style="23" customWidth="1"/>
    <col min="11521" max="11521" width="8.625" style="23" customWidth="1"/>
    <col min="11522" max="11523" width="6.625" style="23" customWidth="1"/>
    <col min="11524" max="11524" width="12.625" style="23" customWidth="1"/>
    <col min="11525" max="11525" width="7.625" style="23" customWidth="1"/>
    <col min="11526" max="11526" width="8.625" style="23" customWidth="1"/>
    <col min="11527" max="11527" width="2.125" style="23" customWidth="1"/>
    <col min="11528" max="11529" width="10.125" style="23" customWidth="1"/>
    <col min="11530" max="11530" width="2.625" style="23" customWidth="1"/>
    <col min="11531" max="11531" width="2.125" style="23" customWidth="1"/>
    <col min="11532" max="11532" width="6" style="23" customWidth="1"/>
    <col min="11533" max="11533" width="3.625" style="23" customWidth="1"/>
    <col min="11534" max="11760" width="9" style="23"/>
    <col min="11761" max="11761" width="2.75" style="23" customWidth="1"/>
    <col min="11762" max="11762" width="8.625" style="23" customWidth="1"/>
    <col min="11763" max="11764" width="6.625" style="23" customWidth="1"/>
    <col min="11765" max="11765" width="12.625" style="23" customWidth="1"/>
    <col min="11766" max="11766" width="7.625" style="23" customWidth="1"/>
    <col min="11767" max="11767" width="8.625" style="23" customWidth="1"/>
    <col min="11768" max="11768" width="2.125" style="23" customWidth="1"/>
    <col min="11769" max="11770" width="10.125" style="23" customWidth="1"/>
    <col min="11771" max="11771" width="2.625" style="23" customWidth="1"/>
    <col min="11772" max="11772" width="2.125" style="23" customWidth="1"/>
    <col min="11773" max="11773" width="6" style="23" customWidth="1"/>
    <col min="11774" max="11774" width="3.625" style="23" customWidth="1"/>
    <col min="11775" max="11775" width="0.875" style="23" customWidth="1"/>
    <col min="11776" max="11776" width="2.75" style="23" customWidth="1"/>
    <col min="11777" max="11777" width="8.625" style="23" customWidth="1"/>
    <col min="11778" max="11779" width="6.625" style="23" customWidth="1"/>
    <col min="11780" max="11780" width="12.625" style="23" customWidth="1"/>
    <col min="11781" max="11781" width="7.625" style="23" customWidth="1"/>
    <col min="11782" max="11782" width="8.625" style="23" customWidth="1"/>
    <col min="11783" max="11783" width="2.125" style="23" customWidth="1"/>
    <col min="11784" max="11785" width="10.125" style="23" customWidth="1"/>
    <col min="11786" max="11786" width="2.625" style="23" customWidth="1"/>
    <col min="11787" max="11787" width="2.125" style="23" customWidth="1"/>
    <col min="11788" max="11788" width="6" style="23" customWidth="1"/>
    <col min="11789" max="11789" width="3.625" style="23" customWidth="1"/>
    <col min="11790" max="12016" width="9" style="23"/>
    <col min="12017" max="12017" width="2.75" style="23" customWidth="1"/>
    <col min="12018" max="12018" width="8.625" style="23" customWidth="1"/>
    <col min="12019" max="12020" width="6.625" style="23" customWidth="1"/>
    <col min="12021" max="12021" width="12.625" style="23" customWidth="1"/>
    <col min="12022" max="12022" width="7.625" style="23" customWidth="1"/>
    <col min="12023" max="12023" width="8.625" style="23" customWidth="1"/>
    <col min="12024" max="12024" width="2.125" style="23" customWidth="1"/>
    <col min="12025" max="12026" width="10.125" style="23" customWidth="1"/>
    <col min="12027" max="12027" width="2.625" style="23" customWidth="1"/>
    <col min="12028" max="12028" width="2.125" style="23" customWidth="1"/>
    <col min="12029" max="12029" width="6" style="23" customWidth="1"/>
    <col min="12030" max="12030" width="3.625" style="23" customWidth="1"/>
    <col min="12031" max="12031" width="0.875" style="23" customWidth="1"/>
    <col min="12032" max="12032" width="2.75" style="23" customWidth="1"/>
    <col min="12033" max="12033" width="8.625" style="23" customWidth="1"/>
    <col min="12034" max="12035" width="6.625" style="23" customWidth="1"/>
    <col min="12036" max="12036" width="12.625" style="23" customWidth="1"/>
    <col min="12037" max="12037" width="7.625" style="23" customWidth="1"/>
    <col min="12038" max="12038" width="8.625" style="23" customWidth="1"/>
    <col min="12039" max="12039" width="2.125" style="23" customWidth="1"/>
    <col min="12040" max="12041" width="10.125" style="23" customWidth="1"/>
    <col min="12042" max="12042" width="2.625" style="23" customWidth="1"/>
    <col min="12043" max="12043" width="2.125" style="23" customWidth="1"/>
    <col min="12044" max="12044" width="6" style="23" customWidth="1"/>
    <col min="12045" max="12045" width="3.625" style="23" customWidth="1"/>
    <col min="12046" max="12272" width="9" style="23"/>
    <col min="12273" max="12273" width="2.75" style="23" customWidth="1"/>
    <col min="12274" max="12274" width="8.625" style="23" customWidth="1"/>
    <col min="12275" max="12276" width="6.625" style="23" customWidth="1"/>
    <col min="12277" max="12277" width="12.625" style="23" customWidth="1"/>
    <col min="12278" max="12278" width="7.625" style="23" customWidth="1"/>
    <col min="12279" max="12279" width="8.625" style="23" customWidth="1"/>
    <col min="12280" max="12280" width="2.125" style="23" customWidth="1"/>
    <col min="12281" max="12282" width="10.125" style="23" customWidth="1"/>
    <col min="12283" max="12283" width="2.625" style="23" customWidth="1"/>
    <col min="12284" max="12284" width="2.125" style="23" customWidth="1"/>
    <col min="12285" max="12285" width="6" style="23" customWidth="1"/>
    <col min="12286" max="12286" width="3.625" style="23" customWidth="1"/>
    <col min="12287" max="12287" width="0.875" style="23" customWidth="1"/>
    <col min="12288" max="12288" width="2.75" style="23" customWidth="1"/>
    <col min="12289" max="12289" width="8.625" style="23" customWidth="1"/>
    <col min="12290" max="12291" width="6.625" style="23" customWidth="1"/>
    <col min="12292" max="12292" width="12.625" style="23" customWidth="1"/>
    <col min="12293" max="12293" width="7.625" style="23" customWidth="1"/>
    <col min="12294" max="12294" width="8.625" style="23" customWidth="1"/>
    <col min="12295" max="12295" width="2.125" style="23" customWidth="1"/>
    <col min="12296" max="12297" width="10.125" style="23" customWidth="1"/>
    <col min="12298" max="12298" width="2.625" style="23" customWidth="1"/>
    <col min="12299" max="12299" width="2.125" style="23" customWidth="1"/>
    <col min="12300" max="12300" width="6" style="23" customWidth="1"/>
    <col min="12301" max="12301" width="3.625" style="23" customWidth="1"/>
    <col min="12302" max="12528" width="9" style="23"/>
    <col min="12529" max="12529" width="2.75" style="23" customWidth="1"/>
    <col min="12530" max="12530" width="8.625" style="23" customWidth="1"/>
    <col min="12531" max="12532" width="6.625" style="23" customWidth="1"/>
    <col min="12533" max="12533" width="12.625" style="23" customWidth="1"/>
    <col min="12534" max="12534" width="7.625" style="23" customWidth="1"/>
    <col min="12535" max="12535" width="8.625" style="23" customWidth="1"/>
    <col min="12536" max="12536" width="2.125" style="23" customWidth="1"/>
    <col min="12537" max="12538" width="10.125" style="23" customWidth="1"/>
    <col min="12539" max="12539" width="2.625" style="23" customWidth="1"/>
    <col min="12540" max="12540" width="2.125" style="23" customWidth="1"/>
    <col min="12541" max="12541" width="6" style="23" customWidth="1"/>
    <col min="12542" max="12542" width="3.625" style="23" customWidth="1"/>
    <col min="12543" max="12543" width="0.875" style="23" customWidth="1"/>
    <col min="12544" max="12544" width="2.75" style="23" customWidth="1"/>
    <col min="12545" max="12545" width="8.625" style="23" customWidth="1"/>
    <col min="12546" max="12547" width="6.625" style="23" customWidth="1"/>
    <col min="12548" max="12548" width="12.625" style="23" customWidth="1"/>
    <col min="12549" max="12549" width="7.625" style="23" customWidth="1"/>
    <col min="12550" max="12550" width="8.625" style="23" customWidth="1"/>
    <col min="12551" max="12551" width="2.125" style="23" customWidth="1"/>
    <col min="12552" max="12553" width="10.125" style="23" customWidth="1"/>
    <col min="12554" max="12554" width="2.625" style="23" customWidth="1"/>
    <col min="12555" max="12555" width="2.125" style="23" customWidth="1"/>
    <col min="12556" max="12556" width="6" style="23" customWidth="1"/>
    <col min="12557" max="12557" width="3.625" style="23" customWidth="1"/>
    <col min="12558" max="12784" width="9" style="23"/>
    <col min="12785" max="12785" width="2.75" style="23" customWidth="1"/>
    <col min="12786" max="12786" width="8.625" style="23" customWidth="1"/>
    <col min="12787" max="12788" width="6.625" style="23" customWidth="1"/>
    <col min="12789" max="12789" width="12.625" style="23" customWidth="1"/>
    <col min="12790" max="12790" width="7.625" style="23" customWidth="1"/>
    <col min="12791" max="12791" width="8.625" style="23" customWidth="1"/>
    <col min="12792" max="12792" width="2.125" style="23" customWidth="1"/>
    <col min="12793" max="12794" width="10.125" style="23" customWidth="1"/>
    <col min="12795" max="12795" width="2.625" style="23" customWidth="1"/>
    <col min="12796" max="12796" width="2.125" style="23" customWidth="1"/>
    <col min="12797" max="12797" width="6" style="23" customWidth="1"/>
    <col min="12798" max="12798" width="3.625" style="23" customWidth="1"/>
    <col min="12799" max="12799" width="0.875" style="23" customWidth="1"/>
    <col min="12800" max="12800" width="2.75" style="23" customWidth="1"/>
    <col min="12801" max="12801" width="8.625" style="23" customWidth="1"/>
    <col min="12802" max="12803" width="6.625" style="23" customWidth="1"/>
    <col min="12804" max="12804" width="12.625" style="23" customWidth="1"/>
    <col min="12805" max="12805" width="7.625" style="23" customWidth="1"/>
    <col min="12806" max="12806" width="8.625" style="23" customWidth="1"/>
    <col min="12807" max="12807" width="2.125" style="23" customWidth="1"/>
    <col min="12808" max="12809" width="10.125" style="23" customWidth="1"/>
    <col min="12810" max="12810" width="2.625" style="23" customWidth="1"/>
    <col min="12811" max="12811" width="2.125" style="23" customWidth="1"/>
    <col min="12812" max="12812" width="6" style="23" customWidth="1"/>
    <col min="12813" max="12813" width="3.625" style="23" customWidth="1"/>
    <col min="12814" max="13040" width="9" style="23"/>
    <col min="13041" max="13041" width="2.75" style="23" customWidth="1"/>
    <col min="13042" max="13042" width="8.625" style="23" customWidth="1"/>
    <col min="13043" max="13044" width="6.625" style="23" customWidth="1"/>
    <col min="13045" max="13045" width="12.625" style="23" customWidth="1"/>
    <col min="13046" max="13046" width="7.625" style="23" customWidth="1"/>
    <col min="13047" max="13047" width="8.625" style="23" customWidth="1"/>
    <col min="13048" max="13048" width="2.125" style="23" customWidth="1"/>
    <col min="13049" max="13050" width="10.125" style="23" customWidth="1"/>
    <col min="13051" max="13051" width="2.625" style="23" customWidth="1"/>
    <col min="13052" max="13052" width="2.125" style="23" customWidth="1"/>
    <col min="13053" max="13053" width="6" style="23" customWidth="1"/>
    <col min="13054" max="13054" width="3.625" style="23" customWidth="1"/>
    <col min="13055" max="13055" width="0.875" style="23" customWidth="1"/>
    <col min="13056" max="13056" width="2.75" style="23" customWidth="1"/>
    <col min="13057" max="13057" width="8.625" style="23" customWidth="1"/>
    <col min="13058" max="13059" width="6.625" style="23" customWidth="1"/>
    <col min="13060" max="13060" width="12.625" style="23" customWidth="1"/>
    <col min="13061" max="13061" width="7.625" style="23" customWidth="1"/>
    <col min="13062" max="13062" width="8.625" style="23" customWidth="1"/>
    <col min="13063" max="13063" width="2.125" style="23" customWidth="1"/>
    <col min="13064" max="13065" width="10.125" style="23" customWidth="1"/>
    <col min="13066" max="13066" width="2.625" style="23" customWidth="1"/>
    <col min="13067" max="13067" width="2.125" style="23" customWidth="1"/>
    <col min="13068" max="13068" width="6" style="23" customWidth="1"/>
    <col min="13069" max="13069" width="3.625" style="23" customWidth="1"/>
    <col min="13070" max="13296" width="9" style="23"/>
    <col min="13297" max="13297" width="2.75" style="23" customWidth="1"/>
    <col min="13298" max="13298" width="8.625" style="23" customWidth="1"/>
    <col min="13299" max="13300" width="6.625" style="23" customWidth="1"/>
    <col min="13301" max="13301" width="12.625" style="23" customWidth="1"/>
    <col min="13302" max="13302" width="7.625" style="23" customWidth="1"/>
    <col min="13303" max="13303" width="8.625" style="23" customWidth="1"/>
    <col min="13304" max="13304" width="2.125" style="23" customWidth="1"/>
    <col min="13305" max="13306" width="10.125" style="23" customWidth="1"/>
    <col min="13307" max="13307" width="2.625" style="23" customWidth="1"/>
    <col min="13308" max="13308" width="2.125" style="23" customWidth="1"/>
    <col min="13309" max="13309" width="6" style="23" customWidth="1"/>
    <col min="13310" max="13310" width="3.625" style="23" customWidth="1"/>
    <col min="13311" max="13311" width="0.875" style="23" customWidth="1"/>
    <col min="13312" max="13312" width="2.75" style="23" customWidth="1"/>
    <col min="13313" max="13313" width="8.625" style="23" customWidth="1"/>
    <col min="13314" max="13315" width="6.625" style="23" customWidth="1"/>
    <col min="13316" max="13316" width="12.625" style="23" customWidth="1"/>
    <col min="13317" max="13317" width="7.625" style="23" customWidth="1"/>
    <col min="13318" max="13318" width="8.625" style="23" customWidth="1"/>
    <col min="13319" max="13319" width="2.125" style="23" customWidth="1"/>
    <col min="13320" max="13321" width="10.125" style="23" customWidth="1"/>
    <col min="13322" max="13322" width="2.625" style="23" customWidth="1"/>
    <col min="13323" max="13323" width="2.125" style="23" customWidth="1"/>
    <col min="13324" max="13324" width="6" style="23" customWidth="1"/>
    <col min="13325" max="13325" width="3.625" style="23" customWidth="1"/>
    <col min="13326" max="13552" width="9" style="23"/>
    <col min="13553" max="13553" width="2.75" style="23" customWidth="1"/>
    <col min="13554" max="13554" width="8.625" style="23" customWidth="1"/>
    <col min="13555" max="13556" width="6.625" style="23" customWidth="1"/>
    <col min="13557" max="13557" width="12.625" style="23" customWidth="1"/>
    <col min="13558" max="13558" width="7.625" style="23" customWidth="1"/>
    <col min="13559" max="13559" width="8.625" style="23" customWidth="1"/>
    <col min="13560" max="13560" width="2.125" style="23" customWidth="1"/>
    <col min="13561" max="13562" width="10.125" style="23" customWidth="1"/>
    <col min="13563" max="13563" width="2.625" style="23" customWidth="1"/>
    <col min="13564" max="13564" width="2.125" style="23" customWidth="1"/>
    <col min="13565" max="13565" width="6" style="23" customWidth="1"/>
    <col min="13566" max="13566" width="3.625" style="23" customWidth="1"/>
    <col min="13567" max="13567" width="0.875" style="23" customWidth="1"/>
    <col min="13568" max="13568" width="2.75" style="23" customWidth="1"/>
    <col min="13569" max="13569" width="8.625" style="23" customWidth="1"/>
    <col min="13570" max="13571" width="6.625" style="23" customWidth="1"/>
    <col min="13572" max="13572" width="12.625" style="23" customWidth="1"/>
    <col min="13573" max="13573" width="7.625" style="23" customWidth="1"/>
    <col min="13574" max="13574" width="8.625" style="23" customWidth="1"/>
    <col min="13575" max="13575" width="2.125" style="23" customWidth="1"/>
    <col min="13576" max="13577" width="10.125" style="23" customWidth="1"/>
    <col min="13578" max="13578" width="2.625" style="23" customWidth="1"/>
    <col min="13579" max="13579" width="2.125" style="23" customWidth="1"/>
    <col min="13580" max="13580" width="6" style="23" customWidth="1"/>
    <col min="13581" max="13581" width="3.625" style="23" customWidth="1"/>
    <col min="13582" max="13808" width="9" style="23"/>
    <col min="13809" max="13809" width="2.75" style="23" customWidth="1"/>
    <col min="13810" max="13810" width="8.625" style="23" customWidth="1"/>
    <col min="13811" max="13812" width="6.625" style="23" customWidth="1"/>
    <col min="13813" max="13813" width="12.625" style="23" customWidth="1"/>
    <col min="13814" max="13814" width="7.625" style="23" customWidth="1"/>
    <col min="13815" max="13815" width="8.625" style="23" customWidth="1"/>
    <col min="13816" max="13816" width="2.125" style="23" customWidth="1"/>
    <col min="13817" max="13818" width="10.125" style="23" customWidth="1"/>
    <col min="13819" max="13819" width="2.625" style="23" customWidth="1"/>
    <col min="13820" max="13820" width="2.125" style="23" customWidth="1"/>
    <col min="13821" max="13821" width="6" style="23" customWidth="1"/>
    <col min="13822" max="13822" width="3.625" style="23" customWidth="1"/>
    <col min="13823" max="13823" width="0.875" style="23" customWidth="1"/>
    <col min="13824" max="13824" width="2.75" style="23" customWidth="1"/>
    <col min="13825" max="13825" width="8.625" style="23" customWidth="1"/>
    <col min="13826" max="13827" width="6.625" style="23" customWidth="1"/>
    <col min="13828" max="13828" width="12.625" style="23" customWidth="1"/>
    <col min="13829" max="13829" width="7.625" style="23" customWidth="1"/>
    <col min="13830" max="13830" width="8.625" style="23" customWidth="1"/>
    <col min="13831" max="13831" width="2.125" style="23" customWidth="1"/>
    <col min="13832" max="13833" width="10.125" style="23" customWidth="1"/>
    <col min="13834" max="13834" width="2.625" style="23" customWidth="1"/>
    <col min="13835" max="13835" width="2.125" style="23" customWidth="1"/>
    <col min="13836" max="13836" width="6" style="23" customWidth="1"/>
    <col min="13837" max="13837" width="3.625" style="23" customWidth="1"/>
    <col min="13838" max="14064" width="9" style="23"/>
    <col min="14065" max="14065" width="2.75" style="23" customWidth="1"/>
    <col min="14066" max="14066" width="8.625" style="23" customWidth="1"/>
    <col min="14067" max="14068" width="6.625" style="23" customWidth="1"/>
    <col min="14069" max="14069" width="12.625" style="23" customWidth="1"/>
    <col min="14070" max="14070" width="7.625" style="23" customWidth="1"/>
    <col min="14071" max="14071" width="8.625" style="23" customWidth="1"/>
    <col min="14072" max="14072" width="2.125" style="23" customWidth="1"/>
    <col min="14073" max="14074" width="10.125" style="23" customWidth="1"/>
    <col min="14075" max="14075" width="2.625" style="23" customWidth="1"/>
    <col min="14076" max="14076" width="2.125" style="23" customWidth="1"/>
    <col min="14077" max="14077" width="6" style="23" customWidth="1"/>
    <col min="14078" max="14078" width="3.625" style="23" customWidth="1"/>
    <col min="14079" max="14079" width="0.875" style="23" customWidth="1"/>
    <col min="14080" max="14080" width="2.75" style="23" customWidth="1"/>
    <col min="14081" max="14081" width="8.625" style="23" customWidth="1"/>
    <col min="14082" max="14083" width="6.625" style="23" customWidth="1"/>
    <col min="14084" max="14084" width="12.625" style="23" customWidth="1"/>
    <col min="14085" max="14085" width="7.625" style="23" customWidth="1"/>
    <col min="14086" max="14086" width="8.625" style="23" customWidth="1"/>
    <col min="14087" max="14087" width="2.125" style="23" customWidth="1"/>
    <col min="14088" max="14089" width="10.125" style="23" customWidth="1"/>
    <col min="14090" max="14090" width="2.625" style="23" customWidth="1"/>
    <col min="14091" max="14091" width="2.125" style="23" customWidth="1"/>
    <col min="14092" max="14092" width="6" style="23" customWidth="1"/>
    <col min="14093" max="14093" width="3.625" style="23" customWidth="1"/>
    <col min="14094" max="14320" width="9" style="23"/>
    <col min="14321" max="14321" width="2.75" style="23" customWidth="1"/>
    <col min="14322" max="14322" width="8.625" style="23" customWidth="1"/>
    <col min="14323" max="14324" width="6.625" style="23" customWidth="1"/>
    <col min="14325" max="14325" width="12.625" style="23" customWidth="1"/>
    <col min="14326" max="14326" width="7.625" style="23" customWidth="1"/>
    <col min="14327" max="14327" width="8.625" style="23" customWidth="1"/>
    <col min="14328" max="14328" width="2.125" style="23" customWidth="1"/>
    <col min="14329" max="14330" width="10.125" style="23" customWidth="1"/>
    <col min="14331" max="14331" width="2.625" style="23" customWidth="1"/>
    <col min="14332" max="14332" width="2.125" style="23" customWidth="1"/>
    <col min="14333" max="14333" width="6" style="23" customWidth="1"/>
    <col min="14334" max="14334" width="3.625" style="23" customWidth="1"/>
    <col min="14335" max="14335" width="0.875" style="23" customWidth="1"/>
    <col min="14336" max="14336" width="2.75" style="23" customWidth="1"/>
    <col min="14337" max="14337" width="8.625" style="23" customWidth="1"/>
    <col min="14338" max="14339" width="6.625" style="23" customWidth="1"/>
    <col min="14340" max="14340" width="12.625" style="23" customWidth="1"/>
    <col min="14341" max="14341" width="7.625" style="23" customWidth="1"/>
    <col min="14342" max="14342" width="8.625" style="23" customWidth="1"/>
    <col min="14343" max="14343" width="2.125" style="23" customWidth="1"/>
    <col min="14344" max="14345" width="10.125" style="23" customWidth="1"/>
    <col min="14346" max="14346" width="2.625" style="23" customWidth="1"/>
    <col min="14347" max="14347" width="2.125" style="23" customWidth="1"/>
    <col min="14348" max="14348" width="6" style="23" customWidth="1"/>
    <col min="14349" max="14349" width="3.625" style="23" customWidth="1"/>
    <col min="14350" max="14576" width="9" style="23"/>
    <col min="14577" max="14577" width="2.75" style="23" customWidth="1"/>
    <col min="14578" max="14578" width="8.625" style="23" customWidth="1"/>
    <col min="14579" max="14580" width="6.625" style="23" customWidth="1"/>
    <col min="14581" max="14581" width="12.625" style="23" customWidth="1"/>
    <col min="14582" max="14582" width="7.625" style="23" customWidth="1"/>
    <col min="14583" max="14583" width="8.625" style="23" customWidth="1"/>
    <col min="14584" max="14584" width="2.125" style="23" customWidth="1"/>
    <col min="14585" max="14586" width="10.125" style="23" customWidth="1"/>
    <col min="14587" max="14587" width="2.625" style="23" customWidth="1"/>
    <col min="14588" max="14588" width="2.125" style="23" customWidth="1"/>
    <col min="14589" max="14589" width="6" style="23" customWidth="1"/>
    <col min="14590" max="14590" width="3.625" style="23" customWidth="1"/>
    <col min="14591" max="14591" width="0.875" style="23" customWidth="1"/>
    <col min="14592" max="14592" width="2.75" style="23" customWidth="1"/>
    <col min="14593" max="14593" width="8.625" style="23" customWidth="1"/>
    <col min="14594" max="14595" width="6.625" style="23" customWidth="1"/>
    <col min="14596" max="14596" width="12.625" style="23" customWidth="1"/>
    <col min="14597" max="14597" width="7.625" style="23" customWidth="1"/>
    <col min="14598" max="14598" width="8.625" style="23" customWidth="1"/>
    <col min="14599" max="14599" width="2.125" style="23" customWidth="1"/>
    <col min="14600" max="14601" width="10.125" style="23" customWidth="1"/>
    <col min="14602" max="14602" width="2.625" style="23" customWidth="1"/>
    <col min="14603" max="14603" width="2.125" style="23" customWidth="1"/>
    <col min="14604" max="14604" width="6" style="23" customWidth="1"/>
    <col min="14605" max="14605" width="3.625" style="23" customWidth="1"/>
    <col min="14606" max="14832" width="9" style="23"/>
    <col min="14833" max="14833" width="2.75" style="23" customWidth="1"/>
    <col min="14834" max="14834" width="8.625" style="23" customWidth="1"/>
    <col min="14835" max="14836" width="6.625" style="23" customWidth="1"/>
    <col min="14837" max="14837" width="12.625" style="23" customWidth="1"/>
    <col min="14838" max="14838" width="7.625" style="23" customWidth="1"/>
    <col min="14839" max="14839" width="8.625" style="23" customWidth="1"/>
    <col min="14840" max="14840" width="2.125" style="23" customWidth="1"/>
    <col min="14841" max="14842" width="10.125" style="23" customWidth="1"/>
    <col min="14843" max="14843" width="2.625" style="23" customWidth="1"/>
    <col min="14844" max="14844" width="2.125" style="23" customWidth="1"/>
    <col min="14845" max="14845" width="6" style="23" customWidth="1"/>
    <col min="14846" max="14846" width="3.625" style="23" customWidth="1"/>
    <col min="14847" max="14847" width="0.875" style="23" customWidth="1"/>
    <col min="14848" max="14848" width="2.75" style="23" customWidth="1"/>
    <col min="14849" max="14849" width="8.625" style="23" customWidth="1"/>
    <col min="14850" max="14851" width="6.625" style="23" customWidth="1"/>
    <col min="14852" max="14852" width="12.625" style="23" customWidth="1"/>
    <col min="14853" max="14853" width="7.625" style="23" customWidth="1"/>
    <col min="14854" max="14854" width="8.625" style="23" customWidth="1"/>
    <col min="14855" max="14855" width="2.125" style="23" customWidth="1"/>
    <col min="14856" max="14857" width="10.125" style="23" customWidth="1"/>
    <col min="14858" max="14858" width="2.625" style="23" customWidth="1"/>
    <col min="14859" max="14859" width="2.125" style="23" customWidth="1"/>
    <col min="14860" max="14860" width="6" style="23" customWidth="1"/>
    <col min="14861" max="14861" width="3.625" style="23" customWidth="1"/>
    <col min="14862" max="15088" width="9" style="23"/>
    <col min="15089" max="15089" width="2.75" style="23" customWidth="1"/>
    <col min="15090" max="15090" width="8.625" style="23" customWidth="1"/>
    <col min="15091" max="15092" width="6.625" style="23" customWidth="1"/>
    <col min="15093" max="15093" width="12.625" style="23" customWidth="1"/>
    <col min="15094" max="15094" width="7.625" style="23" customWidth="1"/>
    <col min="15095" max="15095" width="8.625" style="23" customWidth="1"/>
    <col min="15096" max="15096" width="2.125" style="23" customWidth="1"/>
    <col min="15097" max="15098" width="10.125" style="23" customWidth="1"/>
    <col min="15099" max="15099" width="2.625" style="23" customWidth="1"/>
    <col min="15100" max="15100" width="2.125" style="23" customWidth="1"/>
    <col min="15101" max="15101" width="6" style="23" customWidth="1"/>
    <col min="15102" max="15102" width="3.625" style="23" customWidth="1"/>
    <col min="15103" max="15103" width="0.875" style="23" customWidth="1"/>
    <col min="15104" max="15104" width="2.75" style="23" customWidth="1"/>
    <col min="15105" max="15105" width="8.625" style="23" customWidth="1"/>
    <col min="15106" max="15107" width="6.625" style="23" customWidth="1"/>
    <col min="15108" max="15108" width="12.625" style="23" customWidth="1"/>
    <col min="15109" max="15109" width="7.625" style="23" customWidth="1"/>
    <col min="15110" max="15110" width="8.625" style="23" customWidth="1"/>
    <col min="15111" max="15111" width="2.125" style="23" customWidth="1"/>
    <col min="15112" max="15113" width="10.125" style="23" customWidth="1"/>
    <col min="15114" max="15114" width="2.625" style="23" customWidth="1"/>
    <col min="15115" max="15115" width="2.125" style="23" customWidth="1"/>
    <col min="15116" max="15116" width="6" style="23" customWidth="1"/>
    <col min="15117" max="15117" width="3.625" style="23" customWidth="1"/>
    <col min="15118" max="15344" width="9" style="23"/>
    <col min="15345" max="15345" width="2.75" style="23" customWidth="1"/>
    <col min="15346" max="15346" width="8.625" style="23" customWidth="1"/>
    <col min="15347" max="15348" width="6.625" style="23" customWidth="1"/>
    <col min="15349" max="15349" width="12.625" style="23" customWidth="1"/>
    <col min="15350" max="15350" width="7.625" style="23" customWidth="1"/>
    <col min="15351" max="15351" width="8.625" style="23" customWidth="1"/>
    <col min="15352" max="15352" width="2.125" style="23" customWidth="1"/>
    <col min="15353" max="15354" width="10.125" style="23" customWidth="1"/>
    <col min="15355" max="15355" width="2.625" style="23" customWidth="1"/>
    <col min="15356" max="15356" width="2.125" style="23" customWidth="1"/>
    <col min="15357" max="15357" width="6" style="23" customWidth="1"/>
    <col min="15358" max="15358" width="3.625" style="23" customWidth="1"/>
    <col min="15359" max="15359" width="0.875" style="23" customWidth="1"/>
    <col min="15360" max="15360" width="2.75" style="23" customWidth="1"/>
    <col min="15361" max="15361" width="8.625" style="23" customWidth="1"/>
    <col min="15362" max="15363" width="6.625" style="23" customWidth="1"/>
    <col min="15364" max="15364" width="12.625" style="23" customWidth="1"/>
    <col min="15365" max="15365" width="7.625" style="23" customWidth="1"/>
    <col min="15366" max="15366" width="8.625" style="23" customWidth="1"/>
    <col min="15367" max="15367" width="2.125" style="23" customWidth="1"/>
    <col min="15368" max="15369" width="10.125" style="23" customWidth="1"/>
    <col min="15370" max="15370" width="2.625" style="23" customWidth="1"/>
    <col min="15371" max="15371" width="2.125" style="23" customWidth="1"/>
    <col min="15372" max="15372" width="6" style="23" customWidth="1"/>
    <col min="15373" max="15373" width="3.625" style="23" customWidth="1"/>
    <col min="15374" max="15600" width="9" style="23"/>
    <col min="15601" max="15601" width="2.75" style="23" customWidth="1"/>
    <col min="15602" max="15602" width="8.625" style="23" customWidth="1"/>
    <col min="15603" max="15604" width="6.625" style="23" customWidth="1"/>
    <col min="15605" max="15605" width="12.625" style="23" customWidth="1"/>
    <col min="15606" max="15606" width="7.625" style="23" customWidth="1"/>
    <col min="15607" max="15607" width="8.625" style="23" customWidth="1"/>
    <col min="15608" max="15608" width="2.125" style="23" customWidth="1"/>
    <col min="15609" max="15610" width="10.125" style="23" customWidth="1"/>
    <col min="15611" max="15611" width="2.625" style="23" customWidth="1"/>
    <col min="15612" max="15612" width="2.125" style="23" customWidth="1"/>
    <col min="15613" max="15613" width="6" style="23" customWidth="1"/>
    <col min="15614" max="15614" width="3.625" style="23" customWidth="1"/>
    <col min="15615" max="15615" width="0.875" style="23" customWidth="1"/>
    <col min="15616" max="15616" width="2.75" style="23" customWidth="1"/>
    <col min="15617" max="15617" width="8.625" style="23" customWidth="1"/>
    <col min="15618" max="15619" width="6.625" style="23" customWidth="1"/>
    <col min="15620" max="15620" width="12.625" style="23" customWidth="1"/>
    <col min="15621" max="15621" width="7.625" style="23" customWidth="1"/>
    <col min="15622" max="15622" width="8.625" style="23" customWidth="1"/>
    <col min="15623" max="15623" width="2.125" style="23" customWidth="1"/>
    <col min="15624" max="15625" width="10.125" style="23" customWidth="1"/>
    <col min="15626" max="15626" width="2.625" style="23" customWidth="1"/>
    <col min="15627" max="15627" width="2.125" style="23" customWidth="1"/>
    <col min="15628" max="15628" width="6" style="23" customWidth="1"/>
    <col min="15629" max="15629" width="3.625" style="23" customWidth="1"/>
    <col min="15630" max="15856" width="9" style="23"/>
    <col min="15857" max="15857" width="2.75" style="23" customWidth="1"/>
    <col min="15858" max="15858" width="8.625" style="23" customWidth="1"/>
    <col min="15859" max="15860" width="6.625" style="23" customWidth="1"/>
    <col min="15861" max="15861" width="12.625" style="23" customWidth="1"/>
    <col min="15862" max="15862" width="7.625" style="23" customWidth="1"/>
    <col min="15863" max="15863" width="8.625" style="23" customWidth="1"/>
    <col min="15864" max="15864" width="2.125" style="23" customWidth="1"/>
    <col min="15865" max="15866" width="10.125" style="23" customWidth="1"/>
    <col min="15867" max="15867" width="2.625" style="23" customWidth="1"/>
    <col min="15868" max="15868" width="2.125" style="23" customWidth="1"/>
    <col min="15869" max="15869" width="6" style="23" customWidth="1"/>
    <col min="15870" max="15870" width="3.625" style="23" customWidth="1"/>
    <col min="15871" max="15871" width="0.875" style="23" customWidth="1"/>
    <col min="15872" max="15872" width="2.75" style="23" customWidth="1"/>
    <col min="15873" max="15873" width="8.625" style="23" customWidth="1"/>
    <col min="15874" max="15875" width="6.625" style="23" customWidth="1"/>
    <col min="15876" max="15876" width="12.625" style="23" customWidth="1"/>
    <col min="15877" max="15877" width="7.625" style="23" customWidth="1"/>
    <col min="15878" max="15878" width="8.625" style="23" customWidth="1"/>
    <col min="15879" max="15879" width="2.125" style="23" customWidth="1"/>
    <col min="15880" max="15881" width="10.125" style="23" customWidth="1"/>
    <col min="15882" max="15882" width="2.625" style="23" customWidth="1"/>
    <col min="15883" max="15883" width="2.125" style="23" customWidth="1"/>
    <col min="15884" max="15884" width="6" style="23" customWidth="1"/>
    <col min="15885" max="15885" width="3.625" style="23" customWidth="1"/>
    <col min="15886" max="16112" width="9" style="23"/>
    <col min="16113" max="16113" width="2.75" style="23" customWidth="1"/>
    <col min="16114" max="16114" width="8.625" style="23" customWidth="1"/>
    <col min="16115" max="16116" width="6.625" style="23" customWidth="1"/>
    <col min="16117" max="16117" width="12.625" style="23" customWidth="1"/>
    <col min="16118" max="16118" width="7.625" style="23" customWidth="1"/>
    <col min="16119" max="16119" width="8.625" style="23" customWidth="1"/>
    <col min="16120" max="16120" width="2.125" style="23" customWidth="1"/>
    <col min="16121" max="16122" width="10.125" style="23" customWidth="1"/>
    <col min="16123" max="16123" width="2.625" style="23" customWidth="1"/>
    <col min="16124" max="16124" width="2.125" style="23" customWidth="1"/>
    <col min="16125" max="16125" width="6" style="23" customWidth="1"/>
    <col min="16126" max="16126" width="3.625" style="23" customWidth="1"/>
    <col min="16127" max="16127" width="0.875" style="23" customWidth="1"/>
    <col min="16128" max="16128" width="2.75" style="23" customWidth="1"/>
    <col min="16129" max="16129" width="8.625" style="23" customWidth="1"/>
    <col min="16130" max="16131" width="6.625" style="23" customWidth="1"/>
    <col min="16132" max="16132" width="12.625" style="23" customWidth="1"/>
    <col min="16133" max="16133" width="7.625" style="23" customWidth="1"/>
    <col min="16134" max="16134" width="8.625" style="23" customWidth="1"/>
    <col min="16135" max="16135" width="2.125" style="23" customWidth="1"/>
    <col min="16136" max="16137" width="10.125" style="23" customWidth="1"/>
    <col min="16138" max="16138" width="2.625" style="23" customWidth="1"/>
    <col min="16139" max="16139" width="2.125" style="23" customWidth="1"/>
    <col min="16140" max="16140" width="6" style="23" customWidth="1"/>
    <col min="16141" max="16141" width="3.625" style="23" customWidth="1"/>
    <col min="16142" max="16384" width="9" style="23"/>
  </cols>
  <sheetData>
    <row r="1" spans="1:14" ht="41.25" customHeight="1" x14ac:dyDescent="0.15">
      <c r="A1" s="20" t="s">
        <v>3</v>
      </c>
      <c r="B1" s="2"/>
      <c r="C1" s="3"/>
      <c r="D1" s="3"/>
      <c r="E1" s="3"/>
      <c r="F1" s="3"/>
      <c r="H1" s="3"/>
      <c r="I1" s="3"/>
      <c r="J1" s="3"/>
      <c r="K1" s="3"/>
      <c r="L1" s="3"/>
      <c r="M1" s="3"/>
    </row>
    <row r="2" spans="1:14" ht="24" customHeight="1" x14ac:dyDescent="0.2">
      <c r="A2" s="21" t="s">
        <v>4</v>
      </c>
      <c r="B2" s="2"/>
      <c r="C2" s="3"/>
      <c r="D2" s="3"/>
      <c r="E2" s="3"/>
      <c r="F2" s="3"/>
      <c r="H2" s="3"/>
      <c r="I2" s="3"/>
      <c r="J2" s="3"/>
      <c r="K2" s="3"/>
      <c r="L2" s="3"/>
      <c r="M2" s="3"/>
    </row>
    <row r="3" spans="1:14" ht="20.100000000000001" customHeight="1" x14ac:dyDescent="0.15">
      <c r="A3" s="4" t="s">
        <v>6</v>
      </c>
      <c r="B3" s="2"/>
      <c r="C3" s="3"/>
      <c r="D3" s="3"/>
      <c r="E3" s="3"/>
      <c r="F3" s="3"/>
      <c r="G3" s="2"/>
      <c r="H3" s="3"/>
      <c r="I3" s="3"/>
      <c r="J3" s="3"/>
      <c r="K3" s="3"/>
      <c r="L3" s="3"/>
      <c r="M3" s="3"/>
    </row>
    <row r="4" spans="1:14" ht="20.100000000000001" customHeight="1" x14ac:dyDescent="0.15">
      <c r="A4" s="3"/>
      <c r="B4" s="28" t="s">
        <v>10</v>
      </c>
      <c r="C4" s="3"/>
      <c r="D4" s="3"/>
      <c r="E4" s="3"/>
      <c r="F4" s="3"/>
      <c r="G4" s="2"/>
      <c r="H4" s="3"/>
      <c r="I4" s="3"/>
      <c r="J4" s="3"/>
      <c r="K4" s="3"/>
      <c r="L4" s="3"/>
      <c r="M4" s="3"/>
    </row>
    <row r="5" spans="1:14" ht="20.100000000000001" customHeight="1" x14ac:dyDescent="0.15">
      <c r="A5" s="3"/>
      <c r="B5" s="29" t="s">
        <v>12</v>
      </c>
      <c r="C5" s="5"/>
      <c r="D5" s="5"/>
      <c r="E5" s="5"/>
      <c r="F5" s="5"/>
      <c r="G5" s="5"/>
      <c r="H5" s="5"/>
      <c r="I5" s="5"/>
      <c r="J5" s="5"/>
      <c r="K5" s="5"/>
      <c r="L5" s="5"/>
      <c r="M5" s="5"/>
      <c r="N5" s="24"/>
    </row>
    <row r="6" spans="1:14" ht="15" customHeight="1" x14ac:dyDescent="0.15">
      <c r="A6" s="3"/>
      <c r="B6" s="29"/>
      <c r="C6" s="5"/>
      <c r="D6" s="5"/>
      <c r="E6" s="5"/>
      <c r="F6" s="5"/>
      <c r="G6" s="5"/>
      <c r="H6" s="5"/>
      <c r="I6" s="5"/>
      <c r="J6" s="5"/>
      <c r="K6" s="5"/>
      <c r="L6" s="5"/>
      <c r="M6" s="5"/>
      <c r="N6" s="24"/>
    </row>
    <row r="7" spans="1:14" ht="20.100000000000001" customHeight="1" x14ac:dyDescent="0.15">
      <c r="A7" s="3" t="s">
        <v>7</v>
      </c>
      <c r="B7" s="2"/>
      <c r="C7" s="6"/>
      <c r="D7" s="6"/>
      <c r="E7" s="7"/>
      <c r="F7" s="5"/>
      <c r="G7" s="30"/>
      <c r="H7" s="5"/>
      <c r="I7" s="5"/>
      <c r="J7" s="5"/>
      <c r="K7" s="5"/>
      <c r="L7" s="5"/>
      <c r="M7" s="5"/>
      <c r="N7" s="24"/>
    </row>
    <row r="8" spans="1:14" ht="21.95" customHeight="1" x14ac:dyDescent="0.15">
      <c r="A8" s="3"/>
      <c r="B8" s="34" t="s">
        <v>9</v>
      </c>
      <c r="C8" s="34"/>
      <c r="D8" s="34"/>
      <c r="E8" s="34"/>
      <c r="F8" s="34"/>
      <c r="G8" s="34"/>
      <c r="H8" s="34"/>
      <c r="I8" s="34"/>
      <c r="J8" s="34"/>
      <c r="K8" s="34"/>
      <c r="L8" s="34"/>
      <c r="M8" s="34"/>
      <c r="N8" s="24"/>
    </row>
    <row r="9" spans="1:14" ht="21.95" customHeight="1" x14ac:dyDescent="0.15">
      <c r="A9" s="3"/>
      <c r="B9" s="34"/>
      <c r="C9" s="34"/>
      <c r="D9" s="34"/>
      <c r="E9" s="34"/>
      <c r="F9" s="34"/>
      <c r="G9" s="34"/>
      <c r="H9" s="34"/>
      <c r="I9" s="34"/>
      <c r="J9" s="34"/>
      <c r="K9" s="34"/>
      <c r="L9" s="34"/>
      <c r="M9" s="34"/>
      <c r="N9" s="24"/>
    </row>
    <row r="10" spans="1:14" ht="15" customHeight="1" x14ac:dyDescent="0.15">
      <c r="A10" s="3"/>
      <c r="B10" s="31"/>
      <c r="C10" s="31"/>
      <c r="D10" s="31"/>
      <c r="E10" s="31"/>
      <c r="F10" s="31"/>
      <c r="G10" s="31"/>
      <c r="H10" s="31"/>
      <c r="I10" s="31"/>
      <c r="J10" s="31"/>
      <c r="K10" s="31"/>
      <c r="L10" s="31"/>
      <c r="M10" s="31"/>
      <c r="N10" s="24"/>
    </row>
    <row r="11" spans="1:14" ht="20.100000000000001" customHeight="1" x14ac:dyDescent="0.15">
      <c r="A11" s="3" t="s">
        <v>8</v>
      </c>
      <c r="B11" s="2"/>
      <c r="C11" s="6"/>
      <c r="D11" s="6"/>
      <c r="E11" s="9"/>
      <c r="F11" s="5"/>
      <c r="G11" s="30"/>
      <c r="H11" s="5"/>
      <c r="I11" s="5"/>
      <c r="J11" s="5"/>
      <c r="K11" s="5"/>
      <c r="L11" s="5"/>
      <c r="M11" s="5"/>
      <c r="N11" s="24"/>
    </row>
    <row r="12" spans="1:14" ht="24.95" customHeight="1" x14ac:dyDescent="0.15">
      <c r="A12" s="10"/>
      <c r="B12" s="33" t="s">
        <v>11</v>
      </c>
      <c r="C12" s="33"/>
      <c r="D12" s="33"/>
      <c r="E12" s="33"/>
      <c r="F12" s="33"/>
      <c r="G12" s="33"/>
      <c r="H12" s="33"/>
      <c r="I12" s="33"/>
      <c r="J12" s="33"/>
      <c r="K12" s="33"/>
      <c r="L12" s="33"/>
      <c r="M12" s="33"/>
      <c r="N12" s="24"/>
    </row>
    <row r="13" spans="1:14" ht="24.95" customHeight="1" x14ac:dyDescent="0.15">
      <c r="A13" s="10"/>
      <c r="B13" s="33"/>
      <c r="C13" s="33"/>
      <c r="D13" s="33"/>
      <c r="E13" s="33"/>
      <c r="F13" s="33"/>
      <c r="G13" s="33"/>
      <c r="H13" s="33"/>
      <c r="I13" s="33"/>
      <c r="J13" s="33"/>
      <c r="K13" s="33"/>
      <c r="L13" s="33"/>
      <c r="M13" s="33"/>
      <c r="N13" s="24"/>
    </row>
    <row r="14" spans="1:14" ht="39" customHeight="1" x14ac:dyDescent="0.15">
      <c r="A14" s="10"/>
      <c r="B14" s="33"/>
      <c r="C14" s="33"/>
      <c r="D14" s="33"/>
      <c r="E14" s="33"/>
      <c r="F14" s="33"/>
      <c r="G14" s="33"/>
      <c r="H14" s="33"/>
      <c r="I14" s="33"/>
      <c r="J14" s="33"/>
      <c r="K14" s="33"/>
      <c r="L14" s="33"/>
      <c r="M14" s="33"/>
      <c r="N14" s="24"/>
    </row>
    <row r="15" spans="1:14" ht="20.100000000000001" customHeight="1" x14ac:dyDescent="0.15">
      <c r="A15" s="3"/>
      <c r="B15" s="22"/>
      <c r="C15" s="22"/>
      <c r="D15" s="22"/>
      <c r="E15" s="22"/>
      <c r="F15" s="22"/>
      <c r="G15" s="22"/>
      <c r="H15" s="22"/>
      <c r="I15" s="22"/>
      <c r="J15" s="22"/>
      <c r="K15" s="22"/>
      <c r="L15" s="22"/>
      <c r="M15" s="22"/>
      <c r="N15" s="24"/>
    </row>
    <row r="16" spans="1:14" ht="20.100000000000001" customHeight="1" x14ac:dyDescent="0.15">
      <c r="A16" s="3"/>
      <c r="B16" s="22"/>
      <c r="C16" s="22"/>
      <c r="D16" s="22"/>
      <c r="E16" s="22"/>
      <c r="F16" s="22"/>
      <c r="G16" s="22"/>
      <c r="H16" s="22"/>
      <c r="I16" s="22"/>
      <c r="J16" s="22"/>
      <c r="K16" s="22"/>
      <c r="L16" s="22"/>
      <c r="M16" s="22"/>
      <c r="N16" s="24"/>
    </row>
    <row r="17" spans="1:13" ht="24.95" customHeight="1" x14ac:dyDescent="0.2">
      <c r="A17" s="21" t="s">
        <v>5</v>
      </c>
      <c r="B17" s="2"/>
      <c r="C17" s="3"/>
      <c r="D17" s="3"/>
      <c r="E17" s="3"/>
      <c r="F17" s="3"/>
      <c r="H17" s="3"/>
      <c r="I17" s="3"/>
      <c r="J17" s="3"/>
      <c r="K17" s="3"/>
      <c r="L17" s="3"/>
      <c r="M17" s="3"/>
    </row>
    <row r="18" spans="1:13" ht="12.95" customHeight="1" x14ac:dyDescent="0.15">
      <c r="A18" s="3"/>
      <c r="B18" s="2"/>
      <c r="C18" s="3"/>
      <c r="D18" s="3"/>
      <c r="E18" s="3"/>
      <c r="F18" s="3"/>
      <c r="H18" s="3"/>
      <c r="I18" s="3"/>
      <c r="J18" s="3"/>
      <c r="K18" s="3"/>
      <c r="L18" s="3"/>
      <c r="M18" s="3"/>
    </row>
    <row r="19" spans="1:13" ht="12.6" customHeight="1" x14ac:dyDescent="0.15">
      <c r="A19" s="3"/>
      <c r="B19" s="39" t="s">
        <v>0</v>
      </c>
      <c r="C19" s="11"/>
      <c r="D19" s="12"/>
      <c r="E19" s="13"/>
      <c r="F19" s="3"/>
      <c r="G19" s="39" t="s">
        <v>1</v>
      </c>
      <c r="H19" s="40"/>
      <c r="I19" s="12"/>
      <c r="J19" s="12"/>
      <c r="K19" s="12"/>
      <c r="L19" s="42"/>
      <c r="M19" s="3"/>
    </row>
    <row r="20" spans="1:13" ht="12.6" customHeight="1" x14ac:dyDescent="0.15">
      <c r="A20" s="3"/>
      <c r="B20" s="39"/>
      <c r="C20" s="14"/>
      <c r="D20" s="5"/>
      <c r="E20" s="15"/>
      <c r="F20" s="3"/>
      <c r="G20" s="39"/>
      <c r="H20" s="41"/>
      <c r="I20" s="16"/>
      <c r="J20" s="16"/>
      <c r="K20" s="16"/>
      <c r="L20" s="43"/>
      <c r="M20" s="3"/>
    </row>
    <row r="21" spans="1:13" ht="23.1" customHeight="1" x14ac:dyDescent="0.15">
      <c r="A21" s="3"/>
      <c r="B21" s="2"/>
      <c r="C21" s="35" t="s">
        <v>2</v>
      </c>
      <c r="D21" s="36"/>
      <c r="E21" s="44" t="s">
        <v>13</v>
      </c>
      <c r="F21" s="3"/>
      <c r="H21" s="14"/>
      <c r="I21" s="5"/>
      <c r="J21" s="5"/>
      <c r="K21" s="14"/>
      <c r="L21" s="15"/>
      <c r="M21" s="3"/>
    </row>
    <row r="22" spans="1:13" ht="23.1" customHeight="1" x14ac:dyDescent="0.15">
      <c r="A22" s="3"/>
      <c r="B22" s="2"/>
      <c r="C22" s="35"/>
      <c r="D22" s="36"/>
      <c r="E22" s="45"/>
      <c r="F22" s="3"/>
      <c r="H22" s="14"/>
      <c r="I22" s="5"/>
      <c r="J22" s="5"/>
      <c r="K22" s="14"/>
      <c r="L22" s="15"/>
      <c r="M22" s="3"/>
    </row>
    <row r="23" spans="1:13" ht="23.1" customHeight="1" x14ac:dyDescent="0.15">
      <c r="A23" s="3"/>
      <c r="B23" s="2"/>
      <c r="C23" s="35"/>
      <c r="D23" s="36"/>
      <c r="E23" s="45"/>
      <c r="F23" s="3"/>
      <c r="H23" s="14"/>
      <c r="I23" s="5"/>
      <c r="J23" s="5"/>
      <c r="K23" s="14"/>
      <c r="L23" s="15"/>
      <c r="M23" s="3"/>
    </row>
    <row r="24" spans="1:13" ht="23.1" customHeight="1" x14ac:dyDescent="0.15">
      <c r="A24" s="3"/>
      <c r="B24" s="2"/>
      <c r="C24" s="35"/>
      <c r="D24" s="36"/>
      <c r="E24" s="45"/>
      <c r="F24" s="3"/>
      <c r="H24" s="14"/>
      <c r="I24" s="5"/>
      <c r="J24" s="5"/>
      <c r="K24" s="14"/>
      <c r="L24" s="15"/>
      <c r="M24" s="3"/>
    </row>
    <row r="25" spans="1:13" ht="23.1" customHeight="1" x14ac:dyDescent="0.15">
      <c r="A25" s="3"/>
      <c r="B25" s="2"/>
      <c r="C25" s="35"/>
      <c r="D25" s="36"/>
      <c r="E25" s="45"/>
      <c r="F25" s="3"/>
      <c r="H25" s="14"/>
      <c r="I25" s="5"/>
      <c r="J25" s="5"/>
      <c r="K25" s="14"/>
      <c r="L25" s="15"/>
      <c r="M25" s="3"/>
    </row>
    <row r="26" spans="1:13" ht="23.1" customHeight="1" x14ac:dyDescent="0.15">
      <c r="A26" s="3"/>
      <c r="B26" s="2"/>
      <c r="C26" s="35"/>
      <c r="D26" s="36"/>
      <c r="E26" s="45"/>
      <c r="F26" s="3"/>
      <c r="H26" s="14"/>
      <c r="I26" s="5"/>
      <c r="J26" s="5"/>
      <c r="K26" s="14"/>
      <c r="L26" s="15"/>
      <c r="M26" s="3"/>
    </row>
    <row r="27" spans="1:13" ht="23.1" customHeight="1" x14ac:dyDescent="0.15">
      <c r="A27" s="3"/>
      <c r="B27" s="2"/>
      <c r="C27" s="35"/>
      <c r="D27" s="36"/>
      <c r="E27" s="45"/>
      <c r="F27" s="3"/>
      <c r="H27" s="14"/>
      <c r="I27" s="5"/>
      <c r="J27" s="5"/>
      <c r="K27" s="14"/>
      <c r="L27" s="15"/>
      <c r="M27" s="3"/>
    </row>
    <row r="28" spans="1:13" ht="23.1" customHeight="1" x14ac:dyDescent="0.15">
      <c r="A28" s="3"/>
      <c r="B28" s="2"/>
      <c r="C28" s="35"/>
      <c r="D28" s="36"/>
      <c r="E28" s="45"/>
      <c r="F28" s="3"/>
      <c r="H28" s="14"/>
      <c r="I28" s="5"/>
      <c r="J28" s="5"/>
      <c r="K28" s="14"/>
      <c r="L28" s="15"/>
      <c r="M28" s="3"/>
    </row>
    <row r="29" spans="1:13" ht="23.1" customHeight="1" x14ac:dyDescent="0.15">
      <c r="A29" s="3"/>
      <c r="B29" s="2"/>
      <c r="C29" s="35"/>
      <c r="D29" s="36"/>
      <c r="E29" s="45"/>
      <c r="F29" s="1"/>
      <c r="H29" s="14"/>
      <c r="I29" s="5"/>
      <c r="J29" s="5"/>
      <c r="K29" s="14"/>
      <c r="L29" s="15"/>
      <c r="M29" s="3"/>
    </row>
    <row r="30" spans="1:13" ht="23.1" customHeight="1" x14ac:dyDescent="0.15">
      <c r="A30" s="3"/>
      <c r="B30" s="2"/>
      <c r="C30" s="35"/>
      <c r="D30" s="36"/>
      <c r="E30" s="45"/>
      <c r="F30" s="3"/>
      <c r="H30" s="14"/>
      <c r="I30" s="5"/>
      <c r="J30" s="5"/>
      <c r="K30" s="14"/>
      <c r="L30" s="15"/>
      <c r="M30" s="3"/>
    </row>
    <row r="31" spans="1:13" ht="23.1" customHeight="1" x14ac:dyDescent="0.15">
      <c r="A31" s="3"/>
      <c r="B31" s="2"/>
      <c r="C31" s="35"/>
      <c r="D31" s="36"/>
      <c r="E31" s="45"/>
      <c r="F31" s="3"/>
      <c r="H31" s="14"/>
      <c r="I31" s="5"/>
      <c r="J31" s="5"/>
      <c r="K31" s="14"/>
      <c r="L31" s="15"/>
      <c r="M31" s="3"/>
    </row>
    <row r="32" spans="1:13" ht="23.1" customHeight="1" x14ac:dyDescent="0.15">
      <c r="A32" s="3"/>
      <c r="B32" s="2"/>
      <c r="C32" s="37"/>
      <c r="D32" s="38"/>
      <c r="E32" s="46"/>
      <c r="F32" s="3"/>
      <c r="H32" s="17"/>
      <c r="I32" s="18"/>
      <c r="J32" s="18"/>
      <c r="K32" s="18"/>
      <c r="L32" s="19"/>
      <c r="M32" s="3"/>
    </row>
    <row r="33" spans="1:20" ht="23.1" customHeight="1" x14ac:dyDescent="0.15">
      <c r="A33" s="3"/>
      <c r="B33" s="2"/>
      <c r="C33" s="27"/>
      <c r="D33" s="27"/>
      <c r="E33" s="32"/>
      <c r="F33" s="3"/>
      <c r="H33" s="5"/>
      <c r="I33" s="5"/>
      <c r="J33" s="5"/>
      <c r="K33" s="5"/>
      <c r="L33" s="5"/>
      <c r="M33" s="3"/>
    </row>
    <row r="34" spans="1:20" ht="23.1" customHeight="1" x14ac:dyDescent="0.15">
      <c r="A34" s="3"/>
      <c r="B34" s="2"/>
      <c r="C34" s="27"/>
      <c r="D34" s="27"/>
      <c r="E34" s="32"/>
      <c r="F34" s="3"/>
      <c r="H34" s="5"/>
      <c r="I34" s="5"/>
      <c r="J34" s="5"/>
      <c r="K34" s="5"/>
      <c r="L34" s="5"/>
      <c r="M34" s="3"/>
    </row>
    <row r="35" spans="1:20" ht="54" customHeight="1" x14ac:dyDescent="0.15">
      <c r="A35" s="3"/>
      <c r="B35" s="47" t="s">
        <v>14</v>
      </c>
      <c r="C35" s="47"/>
      <c r="D35" s="47"/>
      <c r="E35" s="47"/>
      <c r="F35" s="47"/>
      <c r="G35" s="47"/>
      <c r="H35" s="47"/>
      <c r="I35" s="47"/>
      <c r="J35" s="47"/>
      <c r="K35" s="47"/>
      <c r="L35" s="47"/>
      <c r="M35" s="47"/>
    </row>
    <row r="36" spans="1:20" x14ac:dyDescent="0.15">
      <c r="A36" s="24"/>
      <c r="B36" s="25"/>
      <c r="C36" s="24"/>
      <c r="D36" s="24"/>
      <c r="E36" s="24"/>
      <c r="F36" s="24"/>
      <c r="G36" s="8"/>
      <c r="H36" s="24"/>
      <c r="I36" s="24"/>
      <c r="J36" s="24"/>
      <c r="K36" s="24"/>
      <c r="L36" s="24"/>
      <c r="M36" s="24"/>
      <c r="N36" s="24"/>
      <c r="O36" s="24"/>
      <c r="P36" s="24"/>
      <c r="Q36" s="24"/>
      <c r="R36" s="24"/>
      <c r="S36" s="24"/>
      <c r="T36" s="24"/>
    </row>
    <row r="37" spans="1:20" x14ac:dyDescent="0.15">
      <c r="A37" s="24"/>
      <c r="B37" s="25"/>
      <c r="C37" s="24"/>
      <c r="D37" s="24"/>
      <c r="E37" s="24"/>
      <c r="F37" s="24"/>
      <c r="G37" s="8"/>
      <c r="H37" s="24"/>
      <c r="I37" s="24"/>
      <c r="J37" s="24"/>
      <c r="K37" s="24"/>
      <c r="L37" s="24"/>
      <c r="M37" s="24"/>
      <c r="N37" s="24"/>
      <c r="O37" s="24"/>
      <c r="P37" s="24"/>
      <c r="Q37" s="24"/>
      <c r="R37" s="24"/>
      <c r="S37" s="24"/>
      <c r="T37" s="24"/>
    </row>
    <row r="38" spans="1:20" x14ac:dyDescent="0.15">
      <c r="A38" s="24"/>
      <c r="B38" s="25"/>
      <c r="C38" s="24"/>
      <c r="D38" s="24"/>
      <c r="E38" s="24"/>
      <c r="F38" s="24"/>
      <c r="G38" s="8"/>
      <c r="H38" s="24"/>
      <c r="I38" s="24"/>
      <c r="J38" s="24"/>
      <c r="K38" s="24"/>
      <c r="L38" s="24"/>
      <c r="M38" s="24"/>
      <c r="N38" s="24"/>
      <c r="O38" s="24"/>
      <c r="P38" s="24"/>
      <c r="Q38" s="24"/>
      <c r="R38" s="24"/>
      <c r="S38" s="24"/>
      <c r="T38" s="24"/>
    </row>
    <row r="39" spans="1:20" x14ac:dyDescent="0.15">
      <c r="A39" s="24"/>
      <c r="B39" s="25"/>
      <c r="C39" s="24"/>
      <c r="D39" s="24"/>
      <c r="E39" s="24"/>
      <c r="F39" s="24"/>
      <c r="G39" s="8"/>
      <c r="H39" s="24"/>
      <c r="I39" s="24"/>
      <c r="J39" s="24"/>
      <c r="K39" s="24"/>
      <c r="L39" s="24"/>
      <c r="M39" s="24"/>
      <c r="N39" s="24"/>
      <c r="O39" s="24"/>
      <c r="P39" s="24"/>
      <c r="Q39" s="24"/>
      <c r="R39" s="24"/>
      <c r="S39" s="24"/>
      <c r="T39" s="24"/>
    </row>
  </sheetData>
  <mergeCells count="9">
    <mergeCell ref="B35:M35"/>
    <mergeCell ref="B8:M9"/>
    <mergeCell ref="C21:D32"/>
    <mergeCell ref="E21:E32"/>
    <mergeCell ref="B19:B20"/>
    <mergeCell ref="G19:G20"/>
    <mergeCell ref="H19:H20"/>
    <mergeCell ref="L19:L20"/>
    <mergeCell ref="B12:M14"/>
  </mergeCells>
  <phoneticPr fontId="1"/>
  <pageMargins left="0.7" right="0.7" top="0.75" bottom="0.75" header="0.3" footer="0.3"/>
  <pageSetup paperSize="9" scale="98" orientation="portrait" r:id="rId1"/>
  <colBreaks count="1" manualBreakCount="1">
    <brk id="13" max="1048575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>札幌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1.坪田　圭子</dc:creator>
  <cp:lastModifiedBy>福井 由人</cp:lastModifiedBy>
  <cp:lastPrinted>2022-08-09T01:58:24Z</cp:lastPrinted>
  <dcterms:created xsi:type="dcterms:W3CDTF">2018-01-19T02:26:06Z</dcterms:created>
  <dcterms:modified xsi:type="dcterms:W3CDTF">2024-04-22T01:08:31Z</dcterms:modified>
</cp:coreProperties>
</file>